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76" r:id="rId2"/>
    <p:sldId id="288" r:id="rId3"/>
    <p:sldId id="285" r:id="rId4"/>
    <p:sldId id="286" r:id="rId5"/>
    <p:sldId id="284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FF00FF"/>
    <a:srgbClr val="FFCCFF"/>
    <a:srgbClr val="909295"/>
    <a:srgbClr val="939598"/>
    <a:srgbClr val="154E7D"/>
    <a:srgbClr val="CCFFCC"/>
    <a:srgbClr val="C5E0B4"/>
    <a:srgbClr val="003CB4"/>
    <a:srgbClr val="17717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2158" autoAdjust="0"/>
    <p:restoredTop sz="95394" autoAdjust="0"/>
  </p:normalViewPr>
  <p:slideViewPr>
    <p:cSldViewPr snapToGrid="0" showGuides="1">
      <p:cViewPr varScale="1">
        <p:scale>
          <a:sx n="72" d="100"/>
          <a:sy n="72" d="100"/>
        </p:scale>
        <p:origin x="1224" y="54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50" d="100"/>
        <a:sy n="50" d="100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tags" Target="tags/tag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41905205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70211877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03383942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4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三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标题 6">
            <a:extLst>
              <a:ext uri="{FF2B5EF4-FFF2-40B4-BE49-F238E27FC236}">
                <a16:creationId xmlns:a16="http://schemas.microsoft.com/office/drawing/2014/main" id="{BAEE74C3-5664-3686-B90A-E82ECC88867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8650" y="365125"/>
            <a:ext cx="7886700" cy="1325563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016165"/>
            <a:ext cx="8312728" cy="52347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30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細閱上圖，以下哪項描述是正確的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A. E</a:t>
            </a:r>
            <a:r>
              <a:rPr lang="zh-TW" altLang="en-US" sz="2800" dirty="0">
                <a:ea typeface="DFKai-SB" panose="03000509000000000000" pitchFamily="65" charset="-120"/>
              </a:rPr>
              <a:t>的周界比</a:t>
            </a:r>
            <a:r>
              <a:rPr lang="en-US" altLang="zh-TW" sz="2800" dirty="0">
                <a:ea typeface="DFKai-SB" panose="03000509000000000000" pitchFamily="65" charset="-120"/>
              </a:rPr>
              <a:t>F</a:t>
            </a:r>
            <a:r>
              <a:rPr lang="zh-TW" altLang="en-US" sz="2800" dirty="0">
                <a:ea typeface="DFKai-SB" panose="03000509000000000000" pitchFamily="65" charset="-120"/>
              </a:rPr>
              <a:t>的長。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  B. E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F</a:t>
            </a:r>
            <a:r>
              <a:rPr lang="zh-TW" altLang="en-US" sz="2800" dirty="0">
                <a:ea typeface="DFKai-SB" panose="03000509000000000000" pitchFamily="65" charset="-120"/>
              </a:rPr>
              <a:t>的周界相等。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  C. E</a:t>
            </a:r>
            <a:r>
              <a:rPr lang="zh-TW" altLang="en-US" sz="2800" dirty="0">
                <a:ea typeface="DFKai-SB" panose="03000509000000000000" pitchFamily="65" charset="-120"/>
              </a:rPr>
              <a:t>的周界比</a:t>
            </a:r>
            <a:r>
              <a:rPr lang="en-US" altLang="zh-TW" sz="2800" dirty="0">
                <a:ea typeface="DFKai-SB" panose="03000509000000000000" pitchFamily="65" charset="-120"/>
              </a:rPr>
              <a:t>F</a:t>
            </a:r>
            <a:r>
              <a:rPr lang="zh-TW" altLang="en-US" sz="2800" dirty="0">
                <a:ea typeface="DFKai-SB" panose="03000509000000000000" pitchFamily="65" charset="-120"/>
              </a:rPr>
              <a:t>的短。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  D. </a:t>
            </a:r>
            <a:r>
              <a:rPr lang="zh-TW" altLang="en-US" sz="2800" dirty="0">
                <a:ea typeface="DFKai-SB" panose="03000509000000000000" pitchFamily="65" charset="-120"/>
              </a:rPr>
              <a:t>無法比較</a:t>
            </a:r>
            <a:r>
              <a:rPr lang="en-US" altLang="zh-TW" sz="2800" dirty="0">
                <a:ea typeface="DFKai-SB" panose="03000509000000000000" pitchFamily="65" charset="-120"/>
              </a:rPr>
              <a:t>E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F</a:t>
            </a:r>
            <a:r>
              <a:rPr lang="zh-TW" altLang="en-US" sz="2800" dirty="0">
                <a:ea typeface="DFKai-SB" panose="03000509000000000000" pitchFamily="65" charset="-120"/>
              </a:rPr>
              <a:t>的周界。</a:t>
            </a:r>
          </a:p>
        </p:txBody>
      </p:sp>
      <p:sp>
        <p:nvSpPr>
          <p:cNvPr id="6" name="椭圆 5">
            <a:extLst>
              <a:ext uri="{FF2B5EF4-FFF2-40B4-BE49-F238E27FC236}">
                <a16:creationId xmlns:a16="http://schemas.microsoft.com/office/drawing/2014/main" id="{AC13450B-2B24-99D8-79F6-0D6801DFE8E7}"/>
              </a:ext>
            </a:extLst>
          </p:cNvPr>
          <p:cNvSpPr/>
          <p:nvPr/>
        </p:nvSpPr>
        <p:spPr>
          <a:xfrm>
            <a:off x="1425147" y="4590063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椭圆 6">
            <a:extLst>
              <a:ext uri="{FF2B5EF4-FFF2-40B4-BE49-F238E27FC236}">
                <a16:creationId xmlns:a16="http://schemas.microsoft.com/office/drawing/2014/main" id="{93D06483-1D44-5843-5BD8-12287BCAF7A8}"/>
              </a:ext>
            </a:extLst>
          </p:cNvPr>
          <p:cNvSpPr/>
          <p:nvPr/>
        </p:nvSpPr>
        <p:spPr>
          <a:xfrm>
            <a:off x="1425147" y="5781673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" name="椭圆 8">
            <a:extLst>
              <a:ext uri="{FF2B5EF4-FFF2-40B4-BE49-F238E27FC236}">
                <a16:creationId xmlns:a16="http://schemas.microsoft.com/office/drawing/2014/main" id="{C7B88B7B-ADAB-A81D-E464-44A3AD5B80FD}"/>
              </a:ext>
            </a:extLst>
          </p:cNvPr>
          <p:cNvSpPr/>
          <p:nvPr/>
        </p:nvSpPr>
        <p:spPr>
          <a:xfrm>
            <a:off x="1425147" y="4012321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1" name="椭圆 10">
            <a:extLst>
              <a:ext uri="{FF2B5EF4-FFF2-40B4-BE49-F238E27FC236}">
                <a16:creationId xmlns:a16="http://schemas.microsoft.com/office/drawing/2014/main" id="{1AE5B3E0-07A8-8781-52C9-8E8F527DBC2C}"/>
              </a:ext>
            </a:extLst>
          </p:cNvPr>
          <p:cNvSpPr/>
          <p:nvPr/>
        </p:nvSpPr>
        <p:spPr>
          <a:xfrm>
            <a:off x="1425147" y="5185868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54B28D50-B1C4-0F1D-C564-544AFDE19DF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49116" y="1094508"/>
            <a:ext cx="7472370" cy="2334492"/>
          </a:xfrm>
          <a:prstGeom prst="rect">
            <a:avLst/>
          </a:prstGeom>
        </p:spPr>
      </p:pic>
      <p:sp>
        <p:nvSpPr>
          <p:cNvPr id="5" name="任意多边形: 形状 4">
            <a:extLst>
              <a:ext uri="{FF2B5EF4-FFF2-40B4-BE49-F238E27FC236}">
                <a16:creationId xmlns:a16="http://schemas.microsoft.com/office/drawing/2014/main" id="{909AD885-B83E-E175-0EDF-0F6BB4B9D05A}"/>
              </a:ext>
            </a:extLst>
          </p:cNvPr>
          <p:cNvSpPr/>
          <p:nvPr/>
        </p:nvSpPr>
        <p:spPr>
          <a:xfrm>
            <a:off x="2101850" y="1454150"/>
            <a:ext cx="1901825" cy="1168400"/>
          </a:xfrm>
          <a:custGeom>
            <a:avLst/>
            <a:gdLst>
              <a:gd name="connsiteX0" fmla="*/ 946150 w 1901825"/>
              <a:gd name="connsiteY0" fmla="*/ 774700 h 1168400"/>
              <a:gd name="connsiteX1" fmla="*/ 473075 w 1901825"/>
              <a:gd name="connsiteY1" fmla="*/ 1168400 h 1168400"/>
              <a:gd name="connsiteX2" fmla="*/ 0 w 1901825"/>
              <a:gd name="connsiteY2" fmla="*/ 1168400 h 1168400"/>
              <a:gd name="connsiteX3" fmla="*/ 0 w 1901825"/>
              <a:gd name="connsiteY3" fmla="*/ 381000 h 1168400"/>
              <a:gd name="connsiteX4" fmla="*/ 949325 w 1901825"/>
              <a:gd name="connsiteY4" fmla="*/ 0 h 1168400"/>
              <a:gd name="connsiteX5" fmla="*/ 1901825 w 1901825"/>
              <a:gd name="connsiteY5" fmla="*/ 393700 h 1168400"/>
              <a:gd name="connsiteX6" fmla="*/ 1901825 w 1901825"/>
              <a:gd name="connsiteY6" fmla="*/ 777875 h 1168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01825" h="1168400">
                <a:moveTo>
                  <a:pt x="946150" y="774700"/>
                </a:moveTo>
                <a:lnTo>
                  <a:pt x="473075" y="1168400"/>
                </a:lnTo>
                <a:lnTo>
                  <a:pt x="0" y="1168400"/>
                </a:lnTo>
                <a:lnTo>
                  <a:pt x="0" y="381000"/>
                </a:lnTo>
                <a:lnTo>
                  <a:pt x="949325" y="0"/>
                </a:lnTo>
                <a:lnTo>
                  <a:pt x="1901825" y="393700"/>
                </a:lnTo>
                <a:lnTo>
                  <a:pt x="1901825" y="777875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" name="任意多边形: 形状 7">
            <a:extLst>
              <a:ext uri="{FF2B5EF4-FFF2-40B4-BE49-F238E27FC236}">
                <a16:creationId xmlns:a16="http://schemas.microsoft.com/office/drawing/2014/main" id="{5205E29D-D8BC-0789-228D-0C5E1C9D0D61}"/>
              </a:ext>
            </a:extLst>
          </p:cNvPr>
          <p:cNvSpPr/>
          <p:nvPr/>
        </p:nvSpPr>
        <p:spPr>
          <a:xfrm>
            <a:off x="5888327" y="1454150"/>
            <a:ext cx="1901825" cy="1168400"/>
          </a:xfrm>
          <a:custGeom>
            <a:avLst/>
            <a:gdLst>
              <a:gd name="connsiteX0" fmla="*/ 946150 w 1901825"/>
              <a:gd name="connsiteY0" fmla="*/ 774700 h 1168400"/>
              <a:gd name="connsiteX1" fmla="*/ 473075 w 1901825"/>
              <a:gd name="connsiteY1" fmla="*/ 1168400 h 1168400"/>
              <a:gd name="connsiteX2" fmla="*/ 0 w 1901825"/>
              <a:gd name="connsiteY2" fmla="*/ 1168400 h 1168400"/>
              <a:gd name="connsiteX3" fmla="*/ 0 w 1901825"/>
              <a:gd name="connsiteY3" fmla="*/ 381000 h 1168400"/>
              <a:gd name="connsiteX4" fmla="*/ 949325 w 1901825"/>
              <a:gd name="connsiteY4" fmla="*/ 0 h 1168400"/>
              <a:gd name="connsiteX5" fmla="*/ 1901825 w 1901825"/>
              <a:gd name="connsiteY5" fmla="*/ 393700 h 1168400"/>
              <a:gd name="connsiteX6" fmla="*/ 1901825 w 1901825"/>
              <a:gd name="connsiteY6" fmla="*/ 777875 h 1168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01825" h="1168400">
                <a:moveTo>
                  <a:pt x="946150" y="774700"/>
                </a:moveTo>
                <a:lnTo>
                  <a:pt x="473075" y="1168400"/>
                </a:lnTo>
                <a:lnTo>
                  <a:pt x="0" y="1168400"/>
                </a:lnTo>
                <a:lnTo>
                  <a:pt x="0" y="381000"/>
                </a:lnTo>
                <a:lnTo>
                  <a:pt x="949325" y="0"/>
                </a:lnTo>
                <a:lnTo>
                  <a:pt x="1901825" y="393700"/>
                </a:lnTo>
                <a:lnTo>
                  <a:pt x="1901825" y="777875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17" name="直接连接符 16">
            <a:extLst>
              <a:ext uri="{FF2B5EF4-FFF2-40B4-BE49-F238E27FC236}">
                <a16:creationId xmlns:a16="http://schemas.microsoft.com/office/drawing/2014/main" id="{190EC03D-4385-B5DD-B518-8797A5EB6A3A}"/>
              </a:ext>
            </a:extLst>
          </p:cNvPr>
          <p:cNvCxnSpPr>
            <a:stCxn id="8" idx="0"/>
          </p:cNvCxnSpPr>
          <p:nvPr/>
        </p:nvCxnSpPr>
        <p:spPr>
          <a:xfrm flipV="1">
            <a:off x="6834477" y="2226469"/>
            <a:ext cx="955675" cy="2381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9" name="任意多边形: 形状 18">
            <a:extLst>
              <a:ext uri="{FF2B5EF4-FFF2-40B4-BE49-F238E27FC236}">
                <a16:creationId xmlns:a16="http://schemas.microsoft.com/office/drawing/2014/main" id="{F40F9E9B-7C9B-36A7-9549-E508897F96F6}"/>
              </a:ext>
            </a:extLst>
          </p:cNvPr>
          <p:cNvSpPr/>
          <p:nvPr/>
        </p:nvSpPr>
        <p:spPr>
          <a:xfrm>
            <a:off x="3043238" y="2224088"/>
            <a:ext cx="966787" cy="395287"/>
          </a:xfrm>
          <a:custGeom>
            <a:avLst/>
            <a:gdLst>
              <a:gd name="connsiteX0" fmla="*/ 0 w 966787"/>
              <a:gd name="connsiteY0" fmla="*/ 2381 h 395287"/>
              <a:gd name="connsiteX1" fmla="*/ 483393 w 966787"/>
              <a:gd name="connsiteY1" fmla="*/ 395287 h 395287"/>
              <a:gd name="connsiteX2" fmla="*/ 966787 w 966787"/>
              <a:gd name="connsiteY2" fmla="*/ 0 h 3952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966787" h="395287">
                <a:moveTo>
                  <a:pt x="0" y="2381"/>
                </a:moveTo>
                <a:lnTo>
                  <a:pt x="483393" y="395287"/>
                </a:lnTo>
                <a:lnTo>
                  <a:pt x="966787" y="0"/>
                </a:lnTo>
              </a:path>
            </a:pathLst>
          </a:cu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4587B322-F3E2-3E04-24EF-F6A923C49EE5}"/>
              </a:ext>
            </a:extLst>
          </p:cNvPr>
          <p:cNvSpPr txBox="1"/>
          <p:nvPr/>
        </p:nvSpPr>
        <p:spPr>
          <a:xfrm>
            <a:off x="2365201" y="722481"/>
            <a:ext cx="542495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只需比較兩個圖形的周界不同的部分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24" name="直接连接符 23">
            <a:extLst>
              <a:ext uri="{FF2B5EF4-FFF2-40B4-BE49-F238E27FC236}">
                <a16:creationId xmlns:a16="http://schemas.microsoft.com/office/drawing/2014/main" id="{82117182-032C-17D8-F7B4-E7BBB18EE30D}"/>
              </a:ext>
            </a:extLst>
          </p:cNvPr>
          <p:cNvCxnSpPr>
            <a:cxnSpLocks/>
            <a:endCxn id="19" idx="2"/>
          </p:cNvCxnSpPr>
          <p:nvPr/>
        </p:nvCxnSpPr>
        <p:spPr>
          <a:xfrm>
            <a:off x="3043238" y="2224088"/>
            <a:ext cx="966787" cy="0"/>
          </a:xfrm>
          <a:prstGeom prst="line">
            <a:avLst/>
          </a:prstGeom>
          <a:ln w="28575">
            <a:solidFill>
              <a:srgbClr val="0000FF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3" name="直接箭头连接符 42">
            <a:extLst>
              <a:ext uri="{FF2B5EF4-FFF2-40B4-BE49-F238E27FC236}">
                <a16:creationId xmlns:a16="http://schemas.microsoft.com/office/drawing/2014/main" id="{8730316D-7730-FC38-C1A7-91326D4B5614}"/>
              </a:ext>
            </a:extLst>
          </p:cNvPr>
          <p:cNvCxnSpPr>
            <a:cxnSpLocks/>
          </p:cNvCxnSpPr>
          <p:nvPr/>
        </p:nvCxnSpPr>
        <p:spPr>
          <a:xfrm flipH="1">
            <a:off x="3629025" y="1664695"/>
            <a:ext cx="2614613" cy="0"/>
          </a:xfrm>
          <a:prstGeom prst="straightConnector1">
            <a:avLst/>
          </a:prstGeom>
          <a:ln w="28575">
            <a:solidFill>
              <a:srgbClr val="FF00FF"/>
            </a:solidFill>
            <a:headEnd type="triangle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2" name="文本框 51">
            <a:extLst>
              <a:ext uri="{FF2B5EF4-FFF2-40B4-BE49-F238E27FC236}">
                <a16:creationId xmlns:a16="http://schemas.microsoft.com/office/drawing/2014/main" id="{66253709-4E95-76E0-A015-D6A3D37838CE}"/>
              </a:ext>
            </a:extLst>
          </p:cNvPr>
          <p:cNvSpPr txBox="1"/>
          <p:nvPr/>
        </p:nvSpPr>
        <p:spPr>
          <a:xfrm>
            <a:off x="4572000" y="1252610"/>
            <a:ext cx="9494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相同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4" name="文本框 53">
            <a:extLst>
              <a:ext uri="{FF2B5EF4-FFF2-40B4-BE49-F238E27FC236}">
                <a16:creationId xmlns:a16="http://schemas.microsoft.com/office/drawing/2014/main" id="{DC8165C8-EE15-1CA0-6F98-C25E72EEF530}"/>
              </a:ext>
            </a:extLst>
          </p:cNvPr>
          <p:cNvSpPr txBox="1"/>
          <p:nvPr/>
        </p:nvSpPr>
        <p:spPr>
          <a:xfrm>
            <a:off x="5085733" y="4027594"/>
            <a:ext cx="4202646" cy="13542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根據三角形任意兩邊的長度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之和大於第三邊的長度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比較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E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F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，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F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周界較短。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1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0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8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500"/>
                            </p:stCondLst>
                            <p:childTnLst>
                              <p:par>
                                <p:cTn id="4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5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5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5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5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4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500"/>
                            </p:stCondLst>
                            <p:childTnLst>
                              <p:par>
                                <p:cTn id="90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91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92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93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4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5" grpId="0" animBg="1"/>
      <p:bldP spid="5" grpId="1" animBg="1"/>
      <p:bldP spid="8" grpId="0" animBg="1"/>
      <p:bldP spid="8" grpId="1" animBg="1"/>
      <p:bldP spid="19" grpId="0" animBg="1"/>
      <p:bldP spid="19" grpId="1" animBg="1"/>
      <p:bldP spid="20" grpId="0" build="allAtOnce"/>
      <p:bldP spid="52" grpId="0" build="allAtOnce"/>
      <p:bldP spid="54" grpId="0" uiExpand="1" build="allAtOnce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" name="矩形 37">
            <a:extLst>
              <a:ext uri="{FF2B5EF4-FFF2-40B4-BE49-F238E27FC236}">
                <a16:creationId xmlns:a16="http://schemas.microsoft.com/office/drawing/2014/main" id="{071C500B-05B7-7734-3DDC-BFA1281E9C55}"/>
              </a:ext>
            </a:extLst>
          </p:cNvPr>
          <p:cNvSpPr/>
          <p:nvPr/>
        </p:nvSpPr>
        <p:spPr>
          <a:xfrm>
            <a:off x="1712979" y="4288961"/>
            <a:ext cx="2960505" cy="368135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093581"/>
            <a:ext cx="8312728" cy="365997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32.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25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兩個正方形</a:t>
            </a:r>
            <a:r>
              <a:rPr lang="en-US" altLang="zh-TW" sz="2800" dirty="0">
                <a:ea typeface="DFKai-SB" panose="03000509000000000000" pitchFamily="65" charset="-120"/>
              </a:rPr>
              <a:t>X </a:t>
            </a:r>
            <a:r>
              <a:rPr lang="zh-TW" altLang="en-US" sz="2800" dirty="0">
                <a:ea typeface="DFKai-SB" panose="03000509000000000000" pitchFamily="65" charset="-120"/>
              </a:rPr>
              <a:t>和一個長方形</a:t>
            </a:r>
            <a:r>
              <a:rPr lang="en-US" altLang="zh-TW" sz="2800" dirty="0">
                <a:ea typeface="DFKai-SB" panose="03000509000000000000" pitchFamily="65" charset="-120"/>
              </a:rPr>
              <a:t>Y</a:t>
            </a:r>
            <a:r>
              <a:rPr lang="zh-TW" altLang="en-US" sz="2800" dirty="0">
                <a:ea typeface="DFKai-SB" panose="03000509000000000000" pitchFamily="65" charset="-120"/>
              </a:rPr>
              <a:t>組成圖形</a:t>
            </a:r>
            <a:r>
              <a:rPr lang="en-US" altLang="zh-TW" sz="2800" dirty="0">
                <a:ea typeface="DFKai-SB" panose="03000509000000000000" pitchFamily="65" charset="-120"/>
              </a:rPr>
              <a:t>Z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(a) </a:t>
            </a:r>
            <a:r>
              <a:rPr lang="zh-TW" altLang="en-US" sz="2800" dirty="0">
                <a:ea typeface="DFKai-SB" panose="03000509000000000000" pitchFamily="65" charset="-120"/>
              </a:rPr>
              <a:t>一個長方形</a:t>
            </a:r>
            <a:r>
              <a:rPr lang="en-US" altLang="zh-TW" sz="2800" dirty="0">
                <a:ea typeface="DFKai-SB" panose="03000509000000000000" pitchFamily="65" charset="-120"/>
              </a:rPr>
              <a:t>Y</a:t>
            </a:r>
            <a:r>
              <a:rPr lang="zh-TW" altLang="en-US" sz="2800" dirty="0">
                <a:ea typeface="DFKai-SB" panose="03000509000000000000" pitchFamily="65" charset="-120"/>
              </a:rPr>
              <a:t>的周界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12884C50-FE9A-F9D2-9F41-26FED7858D4F}"/>
              </a:ext>
            </a:extLst>
          </p:cNvPr>
          <p:cNvSpPr txBox="1"/>
          <p:nvPr/>
        </p:nvSpPr>
        <p:spPr>
          <a:xfrm>
            <a:off x="5634776" y="4211418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56</a:t>
            </a: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74CC7D1A-C554-DFA9-9819-C3CDB4ECA02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38688" y="1093581"/>
            <a:ext cx="7700328" cy="2314353"/>
          </a:xfrm>
          <a:prstGeom prst="rect">
            <a:avLst/>
          </a:prstGeom>
        </p:spPr>
      </p:pic>
      <p:sp>
        <p:nvSpPr>
          <p:cNvPr id="13" name="矩形: 圆角 12">
            <a:extLst>
              <a:ext uri="{FF2B5EF4-FFF2-40B4-BE49-F238E27FC236}">
                <a16:creationId xmlns:a16="http://schemas.microsoft.com/office/drawing/2014/main" id="{9C7C1B52-0310-2D2F-EC05-4F407F651361}"/>
              </a:ext>
            </a:extLst>
          </p:cNvPr>
          <p:cNvSpPr/>
          <p:nvPr/>
        </p:nvSpPr>
        <p:spPr>
          <a:xfrm>
            <a:off x="3621085" y="1932375"/>
            <a:ext cx="709616" cy="337432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3" name="文本框 92">
            <a:extLst>
              <a:ext uri="{FF2B5EF4-FFF2-40B4-BE49-F238E27FC236}">
                <a16:creationId xmlns:a16="http://schemas.microsoft.com/office/drawing/2014/main" id="{99DD1373-D728-696E-5B07-B05B0A9CA9FD}"/>
              </a:ext>
            </a:extLst>
          </p:cNvPr>
          <p:cNvSpPr txBox="1"/>
          <p:nvPr/>
        </p:nvSpPr>
        <p:spPr>
          <a:xfrm>
            <a:off x="1593396" y="4946477"/>
            <a:ext cx="699091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長方形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Y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周界是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2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8)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2 = 56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" name="矩形: 圆角 2">
            <a:extLst>
              <a:ext uri="{FF2B5EF4-FFF2-40B4-BE49-F238E27FC236}">
                <a16:creationId xmlns:a16="http://schemas.microsoft.com/office/drawing/2014/main" id="{C3CCF901-D9D3-D5C0-FD33-CED6A118079D}"/>
              </a:ext>
            </a:extLst>
          </p:cNvPr>
          <p:cNvSpPr/>
          <p:nvPr/>
        </p:nvSpPr>
        <p:spPr>
          <a:xfrm>
            <a:off x="2905120" y="2982118"/>
            <a:ext cx="709616" cy="337432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14881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3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 animBg="1"/>
      <p:bldP spid="38" grpId="1" animBg="1"/>
      <p:bldP spid="5" grpId="0"/>
      <p:bldP spid="13" grpId="0" animBg="1"/>
      <p:bldP spid="13" grpId="2" animBg="1"/>
      <p:bldP spid="93" grpId="0"/>
      <p:bldP spid="93" grpId="1"/>
      <p:bldP spid="3" grpId="0" animBg="1"/>
      <p:bldP spid="3" grpId="2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" name="矩形 37">
            <a:extLst>
              <a:ext uri="{FF2B5EF4-FFF2-40B4-BE49-F238E27FC236}">
                <a16:creationId xmlns:a16="http://schemas.microsoft.com/office/drawing/2014/main" id="{071C500B-05B7-7734-3DDC-BFA1281E9C55}"/>
              </a:ext>
            </a:extLst>
          </p:cNvPr>
          <p:cNvSpPr/>
          <p:nvPr/>
        </p:nvSpPr>
        <p:spPr>
          <a:xfrm>
            <a:off x="1238688" y="3637751"/>
            <a:ext cx="4428687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093581"/>
            <a:ext cx="8312728" cy="365997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32.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25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兩個正方形</a:t>
            </a:r>
            <a:r>
              <a:rPr lang="en-US" altLang="zh-TW" sz="2800" dirty="0">
                <a:ea typeface="DFKai-SB" panose="03000509000000000000" pitchFamily="65" charset="-120"/>
              </a:rPr>
              <a:t>X </a:t>
            </a:r>
            <a:r>
              <a:rPr lang="zh-TW" altLang="en-US" sz="2800" dirty="0">
                <a:ea typeface="DFKai-SB" panose="03000509000000000000" pitchFamily="65" charset="-120"/>
              </a:rPr>
              <a:t>和一個長方形</a:t>
            </a:r>
            <a:r>
              <a:rPr lang="en-US" altLang="zh-TW" sz="2800" dirty="0">
                <a:ea typeface="DFKai-SB" panose="03000509000000000000" pitchFamily="65" charset="-120"/>
              </a:rPr>
              <a:t>Y</a:t>
            </a:r>
            <a:r>
              <a:rPr lang="zh-TW" altLang="en-US" sz="2800" dirty="0">
                <a:ea typeface="DFKai-SB" panose="03000509000000000000" pitchFamily="65" charset="-120"/>
              </a:rPr>
              <a:t>組成圖形</a:t>
            </a:r>
            <a:r>
              <a:rPr lang="en-US" altLang="zh-TW" sz="2800" dirty="0">
                <a:ea typeface="DFKai-SB" panose="03000509000000000000" pitchFamily="65" charset="-120"/>
              </a:rPr>
              <a:t>Z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(b)</a:t>
            </a:r>
            <a:r>
              <a:rPr lang="zh-TW" altLang="en-US" sz="2800" dirty="0">
                <a:ea typeface="DFKai-SB" panose="03000509000000000000" pitchFamily="65" charset="-120"/>
              </a:rPr>
              <a:t> 圖形</a:t>
            </a:r>
            <a:r>
              <a:rPr lang="en-US" altLang="zh-TW" sz="2800" dirty="0">
                <a:ea typeface="DFKai-SB" panose="03000509000000000000" pitchFamily="65" charset="-120"/>
              </a:rPr>
              <a:t>Z</a:t>
            </a:r>
            <a:r>
              <a:rPr lang="zh-TW" altLang="en-US" sz="2800" dirty="0">
                <a:ea typeface="DFKai-SB" panose="03000509000000000000" pitchFamily="65" charset="-120"/>
              </a:rPr>
              <a:t>的周界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12884C50-FE9A-F9D2-9F41-26FED7858D4F}"/>
              </a:ext>
            </a:extLst>
          </p:cNvPr>
          <p:cNvSpPr txBox="1"/>
          <p:nvPr/>
        </p:nvSpPr>
        <p:spPr>
          <a:xfrm>
            <a:off x="4713993" y="4199177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88</a:t>
            </a: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74CC7D1A-C554-DFA9-9819-C3CDB4ECA02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38688" y="1093581"/>
            <a:ext cx="7700328" cy="2314353"/>
          </a:xfrm>
          <a:prstGeom prst="rect">
            <a:avLst/>
          </a:prstGeom>
        </p:spPr>
      </p:pic>
      <p:sp>
        <p:nvSpPr>
          <p:cNvPr id="11" name="矩形 10">
            <a:extLst>
              <a:ext uri="{FF2B5EF4-FFF2-40B4-BE49-F238E27FC236}">
                <a16:creationId xmlns:a16="http://schemas.microsoft.com/office/drawing/2014/main" id="{1C0CA32E-B268-F564-28DB-190B20B971AA}"/>
              </a:ext>
            </a:extLst>
          </p:cNvPr>
          <p:cNvSpPr/>
          <p:nvPr/>
        </p:nvSpPr>
        <p:spPr>
          <a:xfrm>
            <a:off x="1390648" y="1236346"/>
            <a:ext cx="662940" cy="67818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998A0CA8-B890-CF7D-1D9E-F64CA2B05BA4}"/>
              </a:ext>
            </a:extLst>
          </p:cNvPr>
          <p:cNvSpPr/>
          <p:nvPr/>
        </p:nvSpPr>
        <p:spPr>
          <a:xfrm>
            <a:off x="1386106" y="1236345"/>
            <a:ext cx="662940" cy="67818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3" name="矩形 12">
            <a:extLst>
              <a:ext uri="{FF2B5EF4-FFF2-40B4-BE49-F238E27FC236}">
                <a16:creationId xmlns:a16="http://schemas.microsoft.com/office/drawing/2014/main" id="{9C7C1B52-0310-2D2F-EC05-4F407F651361}"/>
              </a:ext>
            </a:extLst>
          </p:cNvPr>
          <p:cNvSpPr/>
          <p:nvPr/>
        </p:nvSpPr>
        <p:spPr>
          <a:xfrm>
            <a:off x="2928935" y="1236345"/>
            <a:ext cx="684000" cy="1687829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34" name="组合 33">
            <a:extLst>
              <a:ext uri="{FF2B5EF4-FFF2-40B4-BE49-F238E27FC236}">
                <a16:creationId xmlns:a16="http://schemas.microsoft.com/office/drawing/2014/main" id="{E0D9FA5C-CF5E-71EC-F518-C3F4286508AE}"/>
              </a:ext>
            </a:extLst>
          </p:cNvPr>
          <p:cNvGrpSpPr/>
          <p:nvPr/>
        </p:nvGrpSpPr>
        <p:grpSpPr>
          <a:xfrm>
            <a:off x="6355496" y="794538"/>
            <a:ext cx="995483" cy="441807"/>
            <a:chOff x="4572000" y="651774"/>
            <a:chExt cx="995483" cy="441807"/>
          </a:xfrm>
        </p:grpSpPr>
        <p:cxnSp>
          <p:nvCxnSpPr>
            <p:cNvPr id="15" name="直接连接符 14">
              <a:extLst>
                <a:ext uri="{FF2B5EF4-FFF2-40B4-BE49-F238E27FC236}">
                  <a16:creationId xmlns:a16="http://schemas.microsoft.com/office/drawing/2014/main" id="{AE1F0BD6-D206-3C8D-C4E8-EA2C90C71FE7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4572000" y="907256"/>
              <a:ext cx="0" cy="186325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8" name="直接连接符 17">
              <a:extLst>
                <a:ext uri="{FF2B5EF4-FFF2-40B4-BE49-F238E27FC236}">
                  <a16:creationId xmlns:a16="http://schemas.microsoft.com/office/drawing/2014/main" id="{340B916B-7C9D-C18E-30B2-6CA5ACFFE4C8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5241607" y="907254"/>
              <a:ext cx="0" cy="186325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0" name="直接箭头连接符 19">
              <a:extLst>
                <a:ext uri="{FF2B5EF4-FFF2-40B4-BE49-F238E27FC236}">
                  <a16:creationId xmlns:a16="http://schemas.microsoft.com/office/drawing/2014/main" id="{84166D9F-A1BC-0B42-C7BF-75587E197F7D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1000417"/>
              <a:ext cx="667226" cy="0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3" name="文本框 32">
              <a:extLst>
                <a:ext uri="{FF2B5EF4-FFF2-40B4-BE49-F238E27FC236}">
                  <a16:creationId xmlns:a16="http://schemas.microsoft.com/office/drawing/2014/main" id="{A57C6105-57D5-AD77-0A82-88E3939504DB}"/>
                </a:ext>
              </a:extLst>
            </p:cNvPr>
            <p:cNvSpPr txBox="1"/>
            <p:nvPr/>
          </p:nvSpPr>
          <p:spPr>
            <a:xfrm>
              <a:off x="4610220" y="651774"/>
              <a:ext cx="957263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dirty="0">
                  <a:solidFill>
                    <a:srgbClr val="FF00FF"/>
                  </a:solidFill>
                </a:rPr>
                <a:t>8cm</a:t>
              </a:r>
              <a:endParaRPr lang="zh-TW" altLang="en-US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35" name="组合 34">
            <a:extLst>
              <a:ext uri="{FF2B5EF4-FFF2-40B4-BE49-F238E27FC236}">
                <a16:creationId xmlns:a16="http://schemas.microsoft.com/office/drawing/2014/main" id="{0A521172-8B5C-EB21-0D6B-B5301733D44D}"/>
              </a:ext>
            </a:extLst>
          </p:cNvPr>
          <p:cNvGrpSpPr/>
          <p:nvPr/>
        </p:nvGrpSpPr>
        <p:grpSpPr>
          <a:xfrm>
            <a:off x="7027484" y="794538"/>
            <a:ext cx="995483" cy="441807"/>
            <a:chOff x="4572000" y="651774"/>
            <a:chExt cx="995483" cy="441807"/>
          </a:xfrm>
        </p:grpSpPr>
        <p:cxnSp>
          <p:nvCxnSpPr>
            <p:cNvPr id="36" name="直接连接符 35">
              <a:extLst>
                <a:ext uri="{FF2B5EF4-FFF2-40B4-BE49-F238E27FC236}">
                  <a16:creationId xmlns:a16="http://schemas.microsoft.com/office/drawing/2014/main" id="{170BD07B-C841-4159-15BF-B7E2EE1B0746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4572000" y="907256"/>
              <a:ext cx="0" cy="186325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7" name="直接连接符 36">
              <a:extLst>
                <a:ext uri="{FF2B5EF4-FFF2-40B4-BE49-F238E27FC236}">
                  <a16:creationId xmlns:a16="http://schemas.microsoft.com/office/drawing/2014/main" id="{143A329B-7030-B996-CF13-4364FBA1443C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5241607" y="907254"/>
              <a:ext cx="0" cy="186325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0" name="直接箭头连接符 39">
              <a:extLst>
                <a:ext uri="{FF2B5EF4-FFF2-40B4-BE49-F238E27FC236}">
                  <a16:creationId xmlns:a16="http://schemas.microsoft.com/office/drawing/2014/main" id="{69D07EBA-2E94-5554-AF00-C00C2E3E505B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1000417"/>
              <a:ext cx="667226" cy="0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1" name="文本框 40">
              <a:extLst>
                <a:ext uri="{FF2B5EF4-FFF2-40B4-BE49-F238E27FC236}">
                  <a16:creationId xmlns:a16="http://schemas.microsoft.com/office/drawing/2014/main" id="{1CCB9FC7-07E8-8876-F811-3FD4C4AAFCE9}"/>
                </a:ext>
              </a:extLst>
            </p:cNvPr>
            <p:cNvSpPr txBox="1"/>
            <p:nvPr/>
          </p:nvSpPr>
          <p:spPr>
            <a:xfrm>
              <a:off x="4610220" y="651774"/>
              <a:ext cx="957263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dirty="0">
                  <a:solidFill>
                    <a:srgbClr val="FF00FF"/>
                  </a:solidFill>
                </a:rPr>
                <a:t>8cm</a:t>
              </a:r>
              <a:endParaRPr lang="zh-TW" altLang="en-US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42" name="组合 41">
            <a:extLst>
              <a:ext uri="{FF2B5EF4-FFF2-40B4-BE49-F238E27FC236}">
                <a16:creationId xmlns:a16="http://schemas.microsoft.com/office/drawing/2014/main" id="{DA9E7E39-155A-7FD2-DCA3-1C0601AD3425}"/>
              </a:ext>
            </a:extLst>
          </p:cNvPr>
          <p:cNvGrpSpPr/>
          <p:nvPr/>
        </p:nvGrpSpPr>
        <p:grpSpPr>
          <a:xfrm>
            <a:off x="7704037" y="794538"/>
            <a:ext cx="995483" cy="441807"/>
            <a:chOff x="4572000" y="651774"/>
            <a:chExt cx="995483" cy="441807"/>
          </a:xfrm>
        </p:grpSpPr>
        <p:cxnSp>
          <p:nvCxnSpPr>
            <p:cNvPr id="43" name="直接连接符 42">
              <a:extLst>
                <a:ext uri="{FF2B5EF4-FFF2-40B4-BE49-F238E27FC236}">
                  <a16:creationId xmlns:a16="http://schemas.microsoft.com/office/drawing/2014/main" id="{FAE0934E-88C0-FF25-F3C4-281D9ACD3BAF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4572000" y="907256"/>
              <a:ext cx="0" cy="186325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4" name="直接连接符 43">
              <a:extLst>
                <a:ext uri="{FF2B5EF4-FFF2-40B4-BE49-F238E27FC236}">
                  <a16:creationId xmlns:a16="http://schemas.microsoft.com/office/drawing/2014/main" id="{38AA7C5F-9968-1814-A2ED-844CF206509C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5241607" y="907254"/>
              <a:ext cx="0" cy="186325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5" name="直接箭头连接符 44">
              <a:extLst>
                <a:ext uri="{FF2B5EF4-FFF2-40B4-BE49-F238E27FC236}">
                  <a16:creationId xmlns:a16="http://schemas.microsoft.com/office/drawing/2014/main" id="{0E176DE5-6C20-0A72-A15C-DAADF2EA01F6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1000417"/>
              <a:ext cx="667226" cy="0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6" name="文本框 45">
              <a:extLst>
                <a:ext uri="{FF2B5EF4-FFF2-40B4-BE49-F238E27FC236}">
                  <a16:creationId xmlns:a16="http://schemas.microsoft.com/office/drawing/2014/main" id="{77A66683-0E64-A381-1E68-1553C8070108}"/>
                </a:ext>
              </a:extLst>
            </p:cNvPr>
            <p:cNvSpPr txBox="1"/>
            <p:nvPr/>
          </p:nvSpPr>
          <p:spPr>
            <a:xfrm>
              <a:off x="4610220" y="651774"/>
              <a:ext cx="957263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dirty="0">
                  <a:solidFill>
                    <a:srgbClr val="FF00FF"/>
                  </a:solidFill>
                </a:rPr>
                <a:t>8cm</a:t>
              </a:r>
              <a:endParaRPr lang="zh-TW" altLang="en-US" dirty="0">
                <a:solidFill>
                  <a:srgbClr val="FF00FF"/>
                </a:solidFill>
              </a:endParaRPr>
            </a:p>
          </p:txBody>
        </p:sp>
      </p:grpSp>
      <p:sp>
        <p:nvSpPr>
          <p:cNvPr id="47" name="文本框 46">
            <a:extLst>
              <a:ext uri="{FF2B5EF4-FFF2-40B4-BE49-F238E27FC236}">
                <a16:creationId xmlns:a16="http://schemas.microsoft.com/office/drawing/2014/main" id="{5903EC90-3006-C587-4F22-128E189D4A3D}"/>
              </a:ext>
            </a:extLst>
          </p:cNvPr>
          <p:cNvSpPr txBox="1"/>
          <p:nvPr/>
        </p:nvSpPr>
        <p:spPr>
          <a:xfrm>
            <a:off x="8343981" y="1390769"/>
            <a:ext cx="9572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FF00FF"/>
                </a:solidFill>
              </a:rPr>
              <a:t>8cm</a:t>
            </a:r>
            <a:endParaRPr lang="zh-TW" altLang="en-US" dirty="0">
              <a:solidFill>
                <a:srgbClr val="FF00FF"/>
              </a:solidFill>
            </a:endParaRPr>
          </a:p>
        </p:txBody>
      </p:sp>
      <p:grpSp>
        <p:nvGrpSpPr>
          <p:cNvPr id="48" name="组合 47">
            <a:extLst>
              <a:ext uri="{FF2B5EF4-FFF2-40B4-BE49-F238E27FC236}">
                <a16:creationId xmlns:a16="http://schemas.microsoft.com/office/drawing/2014/main" id="{81C26A3E-B90B-CAED-D715-02E37480769F}"/>
              </a:ext>
            </a:extLst>
          </p:cNvPr>
          <p:cNvGrpSpPr/>
          <p:nvPr/>
        </p:nvGrpSpPr>
        <p:grpSpPr>
          <a:xfrm rot="5400000">
            <a:off x="5241724" y="1626852"/>
            <a:ext cx="1683100" cy="957263"/>
            <a:chOff x="4572000" y="685453"/>
            <a:chExt cx="1683100" cy="957263"/>
          </a:xfrm>
        </p:grpSpPr>
        <p:cxnSp>
          <p:nvCxnSpPr>
            <p:cNvPr id="49" name="直接连接符 48">
              <a:extLst>
                <a:ext uri="{FF2B5EF4-FFF2-40B4-BE49-F238E27FC236}">
                  <a16:creationId xmlns:a16="http://schemas.microsoft.com/office/drawing/2014/main" id="{49C6748C-E51D-D2E3-E5F5-5298D4D64FF0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4572000" y="907256"/>
              <a:ext cx="0" cy="186325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0" name="直接连接符 49">
              <a:extLst>
                <a:ext uri="{FF2B5EF4-FFF2-40B4-BE49-F238E27FC236}">
                  <a16:creationId xmlns:a16="http://schemas.microsoft.com/office/drawing/2014/main" id="{4F80CAB5-9BCF-3ED0-0B4C-C14DB7DBB3B8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6255100" y="907254"/>
              <a:ext cx="0" cy="186325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1" name="直接箭头连接符 50">
              <a:extLst>
                <a:ext uri="{FF2B5EF4-FFF2-40B4-BE49-F238E27FC236}">
                  <a16:creationId xmlns:a16="http://schemas.microsoft.com/office/drawing/2014/main" id="{7AD79613-A18D-DD61-697A-1D8CD53D842B}"/>
                </a:ext>
              </a:extLst>
            </p:cNvPr>
            <p:cNvCxnSpPr>
              <a:cxnSpLocks/>
            </p:cNvCxnSpPr>
            <p:nvPr/>
          </p:nvCxnSpPr>
          <p:spPr>
            <a:xfrm rot="16200000">
              <a:off x="5412070" y="160348"/>
              <a:ext cx="0" cy="1680138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2" name="文本框 51">
              <a:extLst>
                <a:ext uri="{FF2B5EF4-FFF2-40B4-BE49-F238E27FC236}">
                  <a16:creationId xmlns:a16="http://schemas.microsoft.com/office/drawing/2014/main" id="{203111B5-A626-9AEC-4F38-E2E98E04EB7D}"/>
                </a:ext>
              </a:extLst>
            </p:cNvPr>
            <p:cNvSpPr txBox="1"/>
            <p:nvPr/>
          </p:nvSpPr>
          <p:spPr>
            <a:xfrm rot="16200000">
              <a:off x="4885829" y="979419"/>
              <a:ext cx="957263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dirty="0">
                  <a:solidFill>
                    <a:srgbClr val="FF00FF"/>
                  </a:solidFill>
                </a:rPr>
                <a:t>20cm</a:t>
              </a:r>
              <a:endParaRPr lang="zh-TW" altLang="en-US" dirty="0">
                <a:solidFill>
                  <a:srgbClr val="FF00FF"/>
                </a:solidFill>
              </a:endParaRPr>
            </a:p>
          </p:txBody>
        </p:sp>
      </p:grpSp>
      <p:cxnSp>
        <p:nvCxnSpPr>
          <p:cNvPr id="60" name="直接连接符 59">
            <a:extLst>
              <a:ext uri="{FF2B5EF4-FFF2-40B4-BE49-F238E27FC236}">
                <a16:creationId xmlns:a16="http://schemas.microsoft.com/office/drawing/2014/main" id="{376FC628-5FF7-F0F1-3E12-24FC753A1558}"/>
              </a:ext>
            </a:extLst>
          </p:cNvPr>
          <p:cNvCxnSpPr/>
          <p:nvPr/>
        </p:nvCxnSpPr>
        <p:spPr>
          <a:xfrm>
            <a:off x="7022722" y="1914525"/>
            <a:ext cx="0" cy="1009649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1" name="直接连接符 60">
            <a:extLst>
              <a:ext uri="{FF2B5EF4-FFF2-40B4-BE49-F238E27FC236}">
                <a16:creationId xmlns:a16="http://schemas.microsoft.com/office/drawing/2014/main" id="{3E343112-DEA7-2996-6B82-78B3E8589F08}"/>
              </a:ext>
            </a:extLst>
          </p:cNvPr>
          <p:cNvCxnSpPr/>
          <p:nvPr/>
        </p:nvCxnSpPr>
        <p:spPr>
          <a:xfrm>
            <a:off x="7022722" y="1887855"/>
            <a:ext cx="0" cy="1009649"/>
          </a:xfrm>
          <a:prstGeom prst="line">
            <a:avLst/>
          </a:prstGeom>
          <a:ln w="28575">
            <a:solidFill>
              <a:schemeClr val="bg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6" name="直接连接符 65">
            <a:extLst>
              <a:ext uri="{FF2B5EF4-FFF2-40B4-BE49-F238E27FC236}">
                <a16:creationId xmlns:a16="http://schemas.microsoft.com/office/drawing/2014/main" id="{CCC4630C-FDBD-AF6B-0FB3-ACC763E54EB7}"/>
              </a:ext>
            </a:extLst>
          </p:cNvPr>
          <p:cNvCxnSpPr/>
          <p:nvPr/>
        </p:nvCxnSpPr>
        <p:spPr>
          <a:xfrm>
            <a:off x="7694710" y="1914525"/>
            <a:ext cx="0" cy="1009649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7" name="直接连接符 66">
            <a:extLst>
              <a:ext uri="{FF2B5EF4-FFF2-40B4-BE49-F238E27FC236}">
                <a16:creationId xmlns:a16="http://schemas.microsoft.com/office/drawing/2014/main" id="{D6629D11-1A63-8854-48B3-B3C274742091}"/>
              </a:ext>
            </a:extLst>
          </p:cNvPr>
          <p:cNvCxnSpPr/>
          <p:nvPr/>
        </p:nvCxnSpPr>
        <p:spPr>
          <a:xfrm>
            <a:off x="7694710" y="1917699"/>
            <a:ext cx="0" cy="1009649"/>
          </a:xfrm>
          <a:prstGeom prst="line">
            <a:avLst/>
          </a:prstGeom>
          <a:ln w="28575">
            <a:solidFill>
              <a:schemeClr val="bg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6" name="直接连接符 75">
            <a:extLst>
              <a:ext uri="{FF2B5EF4-FFF2-40B4-BE49-F238E27FC236}">
                <a16:creationId xmlns:a16="http://schemas.microsoft.com/office/drawing/2014/main" id="{2224DB5B-0B38-36C8-B7B8-1662E75DFD7A}"/>
              </a:ext>
            </a:extLst>
          </p:cNvPr>
          <p:cNvCxnSpPr>
            <a:cxnSpLocks/>
          </p:cNvCxnSpPr>
          <p:nvPr/>
        </p:nvCxnSpPr>
        <p:spPr>
          <a:xfrm>
            <a:off x="6349067" y="1912102"/>
            <a:ext cx="68720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7" name="直接连接符 76">
            <a:extLst>
              <a:ext uri="{FF2B5EF4-FFF2-40B4-BE49-F238E27FC236}">
                <a16:creationId xmlns:a16="http://schemas.microsoft.com/office/drawing/2014/main" id="{F1B18CF0-951F-29FB-48A4-600681B07FC6}"/>
              </a:ext>
            </a:extLst>
          </p:cNvPr>
          <p:cNvCxnSpPr>
            <a:cxnSpLocks/>
          </p:cNvCxnSpPr>
          <p:nvPr/>
        </p:nvCxnSpPr>
        <p:spPr>
          <a:xfrm flipV="1">
            <a:off x="6349067" y="1911348"/>
            <a:ext cx="681394" cy="1"/>
          </a:xfrm>
          <a:prstGeom prst="line">
            <a:avLst/>
          </a:prstGeom>
          <a:ln w="28575">
            <a:solidFill>
              <a:schemeClr val="bg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9" name="直接连接符 88">
            <a:extLst>
              <a:ext uri="{FF2B5EF4-FFF2-40B4-BE49-F238E27FC236}">
                <a16:creationId xmlns:a16="http://schemas.microsoft.com/office/drawing/2014/main" id="{8430C72A-D718-34B9-51AB-297673B983CE}"/>
              </a:ext>
            </a:extLst>
          </p:cNvPr>
          <p:cNvCxnSpPr>
            <a:cxnSpLocks/>
          </p:cNvCxnSpPr>
          <p:nvPr/>
        </p:nvCxnSpPr>
        <p:spPr>
          <a:xfrm>
            <a:off x="7694710" y="1924928"/>
            <a:ext cx="68720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0" name="直接连接符 89">
            <a:extLst>
              <a:ext uri="{FF2B5EF4-FFF2-40B4-BE49-F238E27FC236}">
                <a16:creationId xmlns:a16="http://schemas.microsoft.com/office/drawing/2014/main" id="{9E060729-53E6-A821-291C-1EFFE2975BAF}"/>
              </a:ext>
            </a:extLst>
          </p:cNvPr>
          <p:cNvCxnSpPr>
            <a:cxnSpLocks/>
          </p:cNvCxnSpPr>
          <p:nvPr/>
        </p:nvCxnSpPr>
        <p:spPr>
          <a:xfrm flipV="1">
            <a:off x="7704552" y="1924928"/>
            <a:ext cx="681394" cy="1"/>
          </a:xfrm>
          <a:prstGeom prst="line">
            <a:avLst/>
          </a:prstGeom>
          <a:ln w="28575">
            <a:solidFill>
              <a:schemeClr val="bg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3" name="文本框 92">
            <a:extLst>
              <a:ext uri="{FF2B5EF4-FFF2-40B4-BE49-F238E27FC236}">
                <a16:creationId xmlns:a16="http://schemas.microsoft.com/office/drawing/2014/main" id="{99DD1373-D728-696E-5B07-B05B0A9CA9FD}"/>
              </a:ext>
            </a:extLst>
          </p:cNvPr>
          <p:cNvSpPr txBox="1"/>
          <p:nvPr/>
        </p:nvSpPr>
        <p:spPr>
          <a:xfrm>
            <a:off x="1617224" y="4849926"/>
            <a:ext cx="712226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圖形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Z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周界是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8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0)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2 = 88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47333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63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7778E-6 0.00116 L 0.69045 0.00116 " pathEditMode="relative" rAng="0" ptsTypes="AA">
                                      <p:cBhvr>
                                        <p:cTn id="15" dur="2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4514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500"/>
                            </p:stCondLst>
                            <p:childTnLst>
                              <p:par>
                                <p:cTn id="1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3000"/>
                            </p:stCondLst>
                            <p:childTnLst>
                              <p:par>
                                <p:cTn id="21" presetID="63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243 0.00162 L 0.44757 0.00162 " pathEditMode="relative" rAng="0" ptsTypes="AA">
                                      <p:cBhvr>
                                        <p:cTn id="22" dur="2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2500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0"/>
                            </p:stCondLst>
                            <p:childTnLst>
                              <p:par>
                                <p:cTn id="2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500"/>
                            </p:stCondLst>
                            <p:childTnLst>
                              <p:par>
                                <p:cTn id="28" presetID="63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94444E-6 0.00093 L 0.54253 0.00093 " pathEditMode="relative" rAng="0" ptsTypes="AA">
                                      <p:cBhvr>
                                        <p:cTn id="29" dur="2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7118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4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0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3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9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500"/>
                            </p:stCondLst>
                            <p:childTnLst>
                              <p:par>
                                <p:cTn id="62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7 2.22222E-6 L -0.07275 2.22222E-6 " pathEditMode="relative" rAng="0" ptsTypes="AA">
                                      <p:cBhvr>
                                        <p:cTn id="65" dur="2000" fill="hold"/>
                                        <p:tgtEl>
                                          <p:spTgt spid="6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646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7 -0.00208 L -0.00052 0.14815 " pathEditMode="relative" rAng="0" ptsTypes="AA">
                                      <p:cBhvr>
                                        <p:cTn id="74" dur="20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5" y="7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35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52 2.22222E-6 L 0.07361 2.22222E-6 " pathEditMode="relative" rAng="0" ptsTypes="AA">
                                      <p:cBhvr>
                                        <p:cTn id="84" dur="2000" fill="hold"/>
                                        <p:tgtEl>
                                          <p:spTgt spid="6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646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8 -0.00394 L -0.00052 0.14629 " pathEditMode="relative" rAng="0" ptsTypes="AA">
                                      <p:cBhvr>
                                        <p:cTn id="93" dur="2000" fill="hold"/>
                                        <p:tgtEl>
                                          <p:spTgt spid="8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5" y="7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4" fill="hold">
                      <p:stCondLst>
                        <p:cond delay="indefinite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9" fill="hold">
                      <p:stCondLst>
                        <p:cond delay="indefinite"/>
                      </p:stCondLst>
                      <p:childTnLst>
                        <p:par>
                          <p:cTn id="100" fill="hold">
                            <p:stCondLst>
                              <p:cond delay="0"/>
                            </p:stCondLst>
                            <p:childTnLst>
                              <p:par>
                                <p:cTn id="10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5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8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1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4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7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0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2" fill="hold">
                            <p:stCondLst>
                              <p:cond delay="500"/>
                            </p:stCondLst>
                            <p:childTnLst>
                              <p:par>
                                <p:cTn id="1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 animBg="1"/>
      <p:bldP spid="38" grpId="1" animBg="1"/>
      <p:bldP spid="5" grpId="0"/>
      <p:bldP spid="11" grpId="0" animBg="1"/>
      <p:bldP spid="11" grpId="1" animBg="1"/>
      <p:bldP spid="11" grpId="2" animBg="1"/>
      <p:bldP spid="12" grpId="0" animBg="1"/>
      <p:bldP spid="12" grpId="1" animBg="1"/>
      <p:bldP spid="12" grpId="2" animBg="1"/>
      <p:bldP spid="13" grpId="0" animBg="1"/>
      <p:bldP spid="13" grpId="1" animBg="1"/>
      <p:bldP spid="13" grpId="2" animBg="1"/>
      <p:bldP spid="47" grpId="0"/>
      <p:bldP spid="47" grpId="1"/>
      <p:bldP spid="93" grpId="0"/>
      <p:bldP spid="93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016165"/>
            <a:ext cx="8312728" cy="449610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36.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從一張長方形卡紙中，剪出兩個大小相同的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</a:t>
            </a:r>
            <a:r>
              <a:rPr lang="zh-TW" altLang="en-US" sz="2800" dirty="0">
                <a:ea typeface="DFKai-SB" panose="03000509000000000000" pitchFamily="65" charset="-120"/>
              </a:rPr>
              <a:t>正方形，如上圖所示。餘下部分的周界是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   </a:t>
            </a:r>
            <a:r>
              <a:rPr lang="en-US" altLang="zh-TW" sz="2800" u="sng" dirty="0">
                <a:ea typeface="DFKai-SB" panose="03000509000000000000" pitchFamily="65" charset="-120"/>
              </a:rPr>
              <a:t>                    </a:t>
            </a:r>
            <a:r>
              <a:rPr lang="zh-TW" altLang="en-US" sz="2800" u="sng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BB793CC9-2F6A-D3B4-8446-2EE292D7FF1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38513" y="920196"/>
            <a:ext cx="6304224" cy="3062901"/>
          </a:xfrm>
          <a:prstGeom prst="rect">
            <a:avLst/>
          </a:prstGeom>
        </p:spPr>
      </p:pic>
      <p:cxnSp>
        <p:nvCxnSpPr>
          <p:cNvPr id="13" name="直接连接符 12">
            <a:extLst>
              <a:ext uri="{FF2B5EF4-FFF2-40B4-BE49-F238E27FC236}">
                <a16:creationId xmlns:a16="http://schemas.microsoft.com/office/drawing/2014/main" id="{7B50D472-29CF-5D00-7B74-A74607844C95}"/>
              </a:ext>
            </a:extLst>
          </p:cNvPr>
          <p:cNvCxnSpPr>
            <a:cxnSpLocks/>
          </p:cNvCxnSpPr>
          <p:nvPr/>
        </p:nvCxnSpPr>
        <p:spPr>
          <a:xfrm>
            <a:off x="5831799" y="1841421"/>
            <a:ext cx="681797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4" name="直接连接符 13">
            <a:extLst>
              <a:ext uri="{FF2B5EF4-FFF2-40B4-BE49-F238E27FC236}">
                <a16:creationId xmlns:a16="http://schemas.microsoft.com/office/drawing/2014/main" id="{9B02F93A-F75D-DE87-659C-F37D82230CE9}"/>
              </a:ext>
            </a:extLst>
          </p:cNvPr>
          <p:cNvCxnSpPr>
            <a:cxnSpLocks/>
          </p:cNvCxnSpPr>
          <p:nvPr/>
        </p:nvCxnSpPr>
        <p:spPr>
          <a:xfrm>
            <a:off x="5831799" y="1841421"/>
            <a:ext cx="706479" cy="0"/>
          </a:xfrm>
          <a:prstGeom prst="line">
            <a:avLst/>
          </a:prstGeom>
          <a:ln w="28575">
            <a:solidFill>
              <a:schemeClr val="bg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直接连接符 14">
            <a:extLst>
              <a:ext uri="{FF2B5EF4-FFF2-40B4-BE49-F238E27FC236}">
                <a16:creationId xmlns:a16="http://schemas.microsoft.com/office/drawing/2014/main" id="{832E2DA6-AB75-72D1-E955-8B604C74B3F6}"/>
              </a:ext>
            </a:extLst>
          </p:cNvPr>
          <p:cNvCxnSpPr>
            <a:cxnSpLocks/>
          </p:cNvCxnSpPr>
          <p:nvPr/>
        </p:nvCxnSpPr>
        <p:spPr>
          <a:xfrm>
            <a:off x="3275073" y="2545515"/>
            <a:ext cx="702386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直接连接符 23">
            <a:extLst>
              <a:ext uri="{FF2B5EF4-FFF2-40B4-BE49-F238E27FC236}">
                <a16:creationId xmlns:a16="http://schemas.microsoft.com/office/drawing/2014/main" id="{502103A9-5C64-129C-BCE3-CA7A9913CDF0}"/>
              </a:ext>
            </a:extLst>
          </p:cNvPr>
          <p:cNvCxnSpPr>
            <a:cxnSpLocks/>
          </p:cNvCxnSpPr>
          <p:nvPr/>
        </p:nvCxnSpPr>
        <p:spPr>
          <a:xfrm>
            <a:off x="3314949" y="2545515"/>
            <a:ext cx="636760" cy="0"/>
          </a:xfrm>
          <a:prstGeom prst="line">
            <a:avLst/>
          </a:prstGeom>
          <a:ln w="28575">
            <a:solidFill>
              <a:schemeClr val="bg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9" name="文本框 68">
            <a:extLst>
              <a:ext uri="{FF2B5EF4-FFF2-40B4-BE49-F238E27FC236}">
                <a16:creationId xmlns:a16="http://schemas.microsoft.com/office/drawing/2014/main" id="{8DC4EFC0-2724-1336-735A-D41D24FD7C9B}"/>
              </a:ext>
            </a:extLst>
          </p:cNvPr>
          <p:cNvSpPr txBox="1"/>
          <p:nvPr/>
        </p:nvSpPr>
        <p:spPr>
          <a:xfrm>
            <a:off x="1167151" y="5460750"/>
            <a:ext cx="680969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周界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長方形的周界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條正方形的邊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周界是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4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8)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4 = 140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75" name="直接连接符 74">
            <a:extLst>
              <a:ext uri="{FF2B5EF4-FFF2-40B4-BE49-F238E27FC236}">
                <a16:creationId xmlns:a16="http://schemas.microsoft.com/office/drawing/2014/main" id="{F8293026-A478-465A-924C-208DEEBEF5D3}"/>
              </a:ext>
            </a:extLst>
          </p:cNvPr>
          <p:cNvCxnSpPr/>
          <p:nvPr/>
        </p:nvCxnSpPr>
        <p:spPr>
          <a:xfrm flipV="1">
            <a:off x="3275073" y="2545515"/>
            <a:ext cx="0" cy="680285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6" name="直接连接符 75">
            <a:extLst>
              <a:ext uri="{FF2B5EF4-FFF2-40B4-BE49-F238E27FC236}">
                <a16:creationId xmlns:a16="http://schemas.microsoft.com/office/drawing/2014/main" id="{F6C1E48D-72E2-5DAA-C128-0521714178CE}"/>
              </a:ext>
            </a:extLst>
          </p:cNvPr>
          <p:cNvCxnSpPr/>
          <p:nvPr/>
        </p:nvCxnSpPr>
        <p:spPr>
          <a:xfrm flipV="1">
            <a:off x="3977459" y="2545515"/>
            <a:ext cx="0" cy="680285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7" name="直接连接符 76">
            <a:extLst>
              <a:ext uri="{FF2B5EF4-FFF2-40B4-BE49-F238E27FC236}">
                <a16:creationId xmlns:a16="http://schemas.microsoft.com/office/drawing/2014/main" id="{522AAEDD-7360-F57E-E010-BA00E630FA84}"/>
              </a:ext>
            </a:extLst>
          </p:cNvPr>
          <p:cNvCxnSpPr/>
          <p:nvPr/>
        </p:nvCxnSpPr>
        <p:spPr>
          <a:xfrm flipV="1">
            <a:off x="5825509" y="1161136"/>
            <a:ext cx="0" cy="680285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8" name="直接连接符 77">
            <a:extLst>
              <a:ext uri="{FF2B5EF4-FFF2-40B4-BE49-F238E27FC236}">
                <a16:creationId xmlns:a16="http://schemas.microsoft.com/office/drawing/2014/main" id="{EE22AC18-F0E8-CB9F-C096-1CDBEF595A74}"/>
              </a:ext>
            </a:extLst>
          </p:cNvPr>
          <p:cNvCxnSpPr/>
          <p:nvPr/>
        </p:nvCxnSpPr>
        <p:spPr>
          <a:xfrm flipV="1">
            <a:off x="6522105" y="1153993"/>
            <a:ext cx="0" cy="680285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9" name="矩形 78">
            <a:extLst>
              <a:ext uri="{FF2B5EF4-FFF2-40B4-BE49-F238E27FC236}">
                <a16:creationId xmlns:a16="http://schemas.microsoft.com/office/drawing/2014/main" id="{E1515CBF-6846-81A0-85AD-DF04C48D6B60}"/>
              </a:ext>
            </a:extLst>
          </p:cNvPr>
          <p:cNvSpPr/>
          <p:nvPr/>
        </p:nvSpPr>
        <p:spPr>
          <a:xfrm>
            <a:off x="2571750" y="1146851"/>
            <a:ext cx="4638675" cy="2086570"/>
          </a:xfrm>
          <a:prstGeom prst="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0" name="文本框 79">
            <a:extLst>
              <a:ext uri="{FF2B5EF4-FFF2-40B4-BE49-F238E27FC236}">
                <a16:creationId xmlns:a16="http://schemas.microsoft.com/office/drawing/2014/main" id="{8362085F-32B1-A74F-5869-E3D0301E0C37}"/>
              </a:ext>
            </a:extLst>
          </p:cNvPr>
          <p:cNvSpPr txBox="1"/>
          <p:nvPr/>
        </p:nvSpPr>
        <p:spPr>
          <a:xfrm>
            <a:off x="1930284" y="4937530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140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90858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0"/>
                            </p:stCondLst>
                            <p:childTnLst>
                              <p:par>
                                <p:cTn id="8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11022E-16 -0.00116 L -0.00139 -0.10046 " pathEditMode="relative" rAng="0" ptsTypes="AA">
                                      <p:cBhvr>
                                        <p:cTn id="11" dur="2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9" y="-497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7 -0.00208 L 0.00017 0.10047 " pathEditMode="relative" rAng="0" ptsTypes="AA">
                                      <p:cBhvr>
                                        <p:cTn id="20" dur="2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511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5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8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1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4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7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6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1" dur="500"/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4" dur="500"/>
                                        <p:tgtEl>
                                          <p:spTgt spid="6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9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500"/>
                            </p:stCondLst>
                            <p:childTnLst>
                              <p:par>
                                <p:cTn id="8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9" grpId="0" uiExpand="1" build="allAtOnce"/>
      <p:bldP spid="79" grpId="0" animBg="1"/>
      <p:bldP spid="79" grpId="1" animBg="1"/>
      <p:bldP spid="8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>
            <a:extLst>
              <a:ext uri="{FF2B5EF4-FFF2-40B4-BE49-F238E27FC236}">
                <a16:creationId xmlns:a16="http://schemas.microsoft.com/office/drawing/2014/main" id="{D4FE6CF8-DABE-B495-83C6-32312239888D}"/>
              </a:ext>
            </a:extLst>
          </p:cNvPr>
          <p:cNvSpPr/>
          <p:nvPr/>
        </p:nvSpPr>
        <p:spPr>
          <a:xfrm>
            <a:off x="1505388" y="1838092"/>
            <a:ext cx="4834451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矩形 2">
            <a:extLst>
              <a:ext uri="{FF2B5EF4-FFF2-40B4-BE49-F238E27FC236}">
                <a16:creationId xmlns:a16="http://schemas.microsoft.com/office/drawing/2014/main" id="{BD73DD05-0F71-46CD-7638-A064490A6015}"/>
              </a:ext>
            </a:extLst>
          </p:cNvPr>
          <p:cNvSpPr/>
          <p:nvPr/>
        </p:nvSpPr>
        <p:spPr>
          <a:xfrm>
            <a:off x="1873688" y="1351751"/>
            <a:ext cx="4466151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100787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8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ea typeface="DFKai-SB" panose="03000509000000000000" pitchFamily="65" charset="-120"/>
              </a:rPr>
              <a:t>一塊長方形玻璃長</a:t>
            </a:r>
            <a:r>
              <a:rPr lang="en-US" altLang="zh-TW" sz="2800" dirty="0">
                <a:ea typeface="DFKai-SB" panose="03000509000000000000" pitchFamily="65" charset="-120"/>
              </a:rPr>
              <a:t>42cm</a:t>
            </a:r>
            <a:r>
              <a:rPr lang="zh-TW" altLang="en-US" sz="2800" dirty="0">
                <a:ea typeface="DFKai-SB" panose="03000509000000000000" pitchFamily="65" charset="-120"/>
              </a:rPr>
              <a:t>，闊</a:t>
            </a:r>
            <a:r>
              <a:rPr lang="en-US" altLang="zh-TW" sz="2800" dirty="0">
                <a:ea typeface="DFKai-SB" panose="03000509000000000000" pitchFamily="65" charset="-120"/>
              </a:rPr>
              <a:t>25cm</a:t>
            </a:r>
            <a:r>
              <a:rPr lang="zh-TW" altLang="en-US" sz="2800" dirty="0">
                <a:ea typeface="DFKai-SB" panose="03000509000000000000" pitchFamily="65" charset="-120"/>
              </a:rPr>
              <a:t>。從這塊玻璃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中鋸走一個邊長是</a:t>
            </a:r>
            <a:r>
              <a:rPr lang="en-US" altLang="zh-TW" sz="2800" dirty="0">
                <a:ea typeface="DFKai-SB" panose="03000509000000000000" pitchFamily="65" charset="-120"/>
              </a:rPr>
              <a:t>18cm</a:t>
            </a:r>
            <a:r>
              <a:rPr lang="zh-TW" altLang="en-US" sz="2800" dirty="0">
                <a:ea typeface="DFKai-SB" panose="03000509000000000000" pitchFamily="65" charset="-120"/>
              </a:rPr>
              <a:t>的正方形後，餘下玻璃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的周界可能是多少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答案一：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答案二：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endParaRPr lang="zh-TW" altLang="en-US" sz="2800" dirty="0">
              <a:ea typeface="DFKai-SB" panose="03000509000000000000" pitchFamily="65" charset="-120"/>
            </a:endParaRPr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E0706719-945D-12EA-0040-41B13F8B1D8A}"/>
              </a:ext>
            </a:extLst>
          </p:cNvPr>
          <p:cNvSpPr>
            <a:spLocks noChangeAspect="1"/>
          </p:cNvSpPr>
          <p:nvPr/>
        </p:nvSpPr>
        <p:spPr>
          <a:xfrm>
            <a:off x="1254563" y="4148764"/>
            <a:ext cx="1935360" cy="11520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" name="矩形 5">
            <a:extLst>
              <a:ext uri="{FF2B5EF4-FFF2-40B4-BE49-F238E27FC236}">
                <a16:creationId xmlns:a16="http://schemas.microsoft.com/office/drawing/2014/main" id="{DA2484FB-8C9F-EB9A-754E-60194B61D661}"/>
              </a:ext>
            </a:extLst>
          </p:cNvPr>
          <p:cNvSpPr>
            <a:spLocks noChangeAspect="1"/>
          </p:cNvSpPr>
          <p:nvPr/>
        </p:nvSpPr>
        <p:spPr>
          <a:xfrm>
            <a:off x="1772722" y="4155200"/>
            <a:ext cx="900000" cy="9000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" name="任意多边形: 形状 6">
            <a:extLst>
              <a:ext uri="{FF2B5EF4-FFF2-40B4-BE49-F238E27FC236}">
                <a16:creationId xmlns:a16="http://schemas.microsoft.com/office/drawing/2014/main" id="{12756E84-820D-A219-F31A-0B8C1BFC9076}"/>
              </a:ext>
            </a:extLst>
          </p:cNvPr>
          <p:cNvSpPr/>
          <p:nvPr/>
        </p:nvSpPr>
        <p:spPr>
          <a:xfrm>
            <a:off x="1254563" y="4149039"/>
            <a:ext cx="1952625" cy="1157287"/>
          </a:xfrm>
          <a:custGeom>
            <a:avLst/>
            <a:gdLst>
              <a:gd name="connsiteX0" fmla="*/ 519113 w 1952625"/>
              <a:gd name="connsiteY0" fmla="*/ 0 h 1166812"/>
              <a:gd name="connsiteX1" fmla="*/ 519113 w 1952625"/>
              <a:gd name="connsiteY1" fmla="*/ 919162 h 1166812"/>
              <a:gd name="connsiteX2" fmla="*/ 1428750 w 1952625"/>
              <a:gd name="connsiteY2" fmla="*/ 919162 h 1166812"/>
              <a:gd name="connsiteX3" fmla="*/ 1428750 w 1952625"/>
              <a:gd name="connsiteY3" fmla="*/ 9525 h 1166812"/>
              <a:gd name="connsiteX4" fmla="*/ 1952625 w 1952625"/>
              <a:gd name="connsiteY4" fmla="*/ 9525 h 1166812"/>
              <a:gd name="connsiteX5" fmla="*/ 1952625 w 1952625"/>
              <a:gd name="connsiteY5" fmla="*/ 1166812 h 1166812"/>
              <a:gd name="connsiteX6" fmla="*/ 0 w 1952625"/>
              <a:gd name="connsiteY6" fmla="*/ 1166812 h 1166812"/>
              <a:gd name="connsiteX7" fmla="*/ 0 w 1952625"/>
              <a:gd name="connsiteY7" fmla="*/ 19050 h 1166812"/>
              <a:gd name="connsiteX8" fmla="*/ 519113 w 1952625"/>
              <a:gd name="connsiteY8" fmla="*/ 0 h 1166812"/>
              <a:gd name="connsiteX0" fmla="*/ 523875 w 1952625"/>
              <a:gd name="connsiteY0" fmla="*/ 19050 h 1157287"/>
              <a:gd name="connsiteX1" fmla="*/ 519113 w 1952625"/>
              <a:gd name="connsiteY1" fmla="*/ 909637 h 1157287"/>
              <a:gd name="connsiteX2" fmla="*/ 1428750 w 1952625"/>
              <a:gd name="connsiteY2" fmla="*/ 909637 h 1157287"/>
              <a:gd name="connsiteX3" fmla="*/ 1428750 w 1952625"/>
              <a:gd name="connsiteY3" fmla="*/ 0 h 1157287"/>
              <a:gd name="connsiteX4" fmla="*/ 1952625 w 1952625"/>
              <a:gd name="connsiteY4" fmla="*/ 0 h 1157287"/>
              <a:gd name="connsiteX5" fmla="*/ 1952625 w 1952625"/>
              <a:gd name="connsiteY5" fmla="*/ 1157287 h 1157287"/>
              <a:gd name="connsiteX6" fmla="*/ 0 w 1952625"/>
              <a:gd name="connsiteY6" fmla="*/ 1157287 h 1157287"/>
              <a:gd name="connsiteX7" fmla="*/ 0 w 1952625"/>
              <a:gd name="connsiteY7" fmla="*/ 9525 h 1157287"/>
              <a:gd name="connsiteX8" fmla="*/ 523875 w 1952625"/>
              <a:gd name="connsiteY8" fmla="*/ 19050 h 1157287"/>
              <a:gd name="connsiteX0" fmla="*/ 519112 w 1952625"/>
              <a:gd name="connsiteY0" fmla="*/ 14287 h 1157287"/>
              <a:gd name="connsiteX1" fmla="*/ 519113 w 1952625"/>
              <a:gd name="connsiteY1" fmla="*/ 909637 h 1157287"/>
              <a:gd name="connsiteX2" fmla="*/ 1428750 w 1952625"/>
              <a:gd name="connsiteY2" fmla="*/ 909637 h 1157287"/>
              <a:gd name="connsiteX3" fmla="*/ 1428750 w 1952625"/>
              <a:gd name="connsiteY3" fmla="*/ 0 h 1157287"/>
              <a:gd name="connsiteX4" fmla="*/ 1952625 w 1952625"/>
              <a:gd name="connsiteY4" fmla="*/ 0 h 1157287"/>
              <a:gd name="connsiteX5" fmla="*/ 1952625 w 1952625"/>
              <a:gd name="connsiteY5" fmla="*/ 1157287 h 1157287"/>
              <a:gd name="connsiteX6" fmla="*/ 0 w 1952625"/>
              <a:gd name="connsiteY6" fmla="*/ 1157287 h 1157287"/>
              <a:gd name="connsiteX7" fmla="*/ 0 w 1952625"/>
              <a:gd name="connsiteY7" fmla="*/ 9525 h 1157287"/>
              <a:gd name="connsiteX8" fmla="*/ 519112 w 1952625"/>
              <a:gd name="connsiteY8" fmla="*/ 14287 h 1157287"/>
              <a:gd name="connsiteX0" fmla="*/ 519112 w 1952625"/>
              <a:gd name="connsiteY0" fmla="*/ 9524 h 1157287"/>
              <a:gd name="connsiteX1" fmla="*/ 519113 w 1952625"/>
              <a:gd name="connsiteY1" fmla="*/ 909637 h 1157287"/>
              <a:gd name="connsiteX2" fmla="*/ 1428750 w 1952625"/>
              <a:gd name="connsiteY2" fmla="*/ 909637 h 1157287"/>
              <a:gd name="connsiteX3" fmla="*/ 1428750 w 1952625"/>
              <a:gd name="connsiteY3" fmla="*/ 0 h 1157287"/>
              <a:gd name="connsiteX4" fmla="*/ 1952625 w 1952625"/>
              <a:gd name="connsiteY4" fmla="*/ 0 h 1157287"/>
              <a:gd name="connsiteX5" fmla="*/ 1952625 w 1952625"/>
              <a:gd name="connsiteY5" fmla="*/ 1157287 h 1157287"/>
              <a:gd name="connsiteX6" fmla="*/ 0 w 1952625"/>
              <a:gd name="connsiteY6" fmla="*/ 1157287 h 1157287"/>
              <a:gd name="connsiteX7" fmla="*/ 0 w 1952625"/>
              <a:gd name="connsiteY7" fmla="*/ 9525 h 1157287"/>
              <a:gd name="connsiteX8" fmla="*/ 519112 w 1952625"/>
              <a:gd name="connsiteY8" fmla="*/ 9524 h 11572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952625" h="1157287">
                <a:moveTo>
                  <a:pt x="519112" y="9524"/>
                </a:moveTo>
                <a:cubicBezTo>
                  <a:pt x="517525" y="306386"/>
                  <a:pt x="520700" y="612775"/>
                  <a:pt x="519113" y="909637"/>
                </a:cubicBezTo>
                <a:lnTo>
                  <a:pt x="1428750" y="909637"/>
                </a:lnTo>
                <a:lnTo>
                  <a:pt x="1428750" y="0"/>
                </a:lnTo>
                <a:lnTo>
                  <a:pt x="1952625" y="0"/>
                </a:lnTo>
                <a:lnTo>
                  <a:pt x="1952625" y="1157287"/>
                </a:lnTo>
                <a:lnTo>
                  <a:pt x="0" y="1157287"/>
                </a:lnTo>
                <a:lnTo>
                  <a:pt x="0" y="9525"/>
                </a:lnTo>
                <a:lnTo>
                  <a:pt x="519112" y="9524"/>
                </a:lnTo>
                <a:close/>
              </a:path>
            </a:pathLst>
          </a:cu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8" name="直接连接符 7">
            <a:extLst>
              <a:ext uri="{FF2B5EF4-FFF2-40B4-BE49-F238E27FC236}">
                <a16:creationId xmlns:a16="http://schemas.microsoft.com/office/drawing/2014/main" id="{077C47BA-7B44-0F82-EFD2-8DB15860515D}"/>
              </a:ext>
            </a:extLst>
          </p:cNvPr>
          <p:cNvCxnSpPr>
            <a:cxnSpLocks/>
          </p:cNvCxnSpPr>
          <p:nvPr/>
        </p:nvCxnSpPr>
        <p:spPr>
          <a:xfrm>
            <a:off x="1784748" y="5063061"/>
            <a:ext cx="900000" cy="0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直接连接符 8">
            <a:extLst>
              <a:ext uri="{FF2B5EF4-FFF2-40B4-BE49-F238E27FC236}">
                <a16:creationId xmlns:a16="http://schemas.microsoft.com/office/drawing/2014/main" id="{FD1338CD-8900-5057-7958-E55C882163DE}"/>
              </a:ext>
            </a:extLst>
          </p:cNvPr>
          <p:cNvCxnSpPr>
            <a:cxnSpLocks/>
          </p:cNvCxnSpPr>
          <p:nvPr/>
        </p:nvCxnSpPr>
        <p:spPr>
          <a:xfrm>
            <a:off x="1784748" y="5060680"/>
            <a:ext cx="900000" cy="0"/>
          </a:xfrm>
          <a:prstGeom prst="line">
            <a:avLst/>
          </a:prstGeom>
          <a:ln w="28575">
            <a:solidFill>
              <a:schemeClr val="bg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7" name="文本框 16">
            <a:extLst>
              <a:ext uri="{FF2B5EF4-FFF2-40B4-BE49-F238E27FC236}">
                <a16:creationId xmlns:a16="http://schemas.microsoft.com/office/drawing/2014/main" id="{617B5907-3836-9D0C-341D-C953883EF504}"/>
              </a:ext>
            </a:extLst>
          </p:cNvPr>
          <p:cNvSpPr txBox="1"/>
          <p:nvPr/>
        </p:nvSpPr>
        <p:spPr>
          <a:xfrm>
            <a:off x="1907329" y="5333128"/>
            <a:ext cx="9572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FF00FF"/>
                </a:solidFill>
              </a:rPr>
              <a:t>42cm</a:t>
            </a:r>
            <a:endParaRPr lang="zh-TW" altLang="en-US" dirty="0">
              <a:solidFill>
                <a:srgbClr val="FF00FF"/>
              </a:solidFill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7678DE3A-7897-302A-29E7-D561C06B082B}"/>
              </a:ext>
            </a:extLst>
          </p:cNvPr>
          <p:cNvSpPr txBox="1"/>
          <p:nvPr/>
        </p:nvSpPr>
        <p:spPr>
          <a:xfrm>
            <a:off x="3229450" y="4593477"/>
            <a:ext cx="9572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FF00FF"/>
                </a:solidFill>
              </a:rPr>
              <a:t>25cm</a:t>
            </a:r>
            <a:endParaRPr lang="zh-TW" altLang="en-US" dirty="0">
              <a:solidFill>
                <a:srgbClr val="FF00FF"/>
              </a:solidFill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D5DEEB8F-2CF3-694E-63E3-7A1AA26B14C4}"/>
              </a:ext>
            </a:extLst>
          </p:cNvPr>
          <p:cNvSpPr txBox="1"/>
          <p:nvPr/>
        </p:nvSpPr>
        <p:spPr>
          <a:xfrm>
            <a:off x="1917363" y="4984954"/>
            <a:ext cx="9572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FF00FF"/>
                </a:solidFill>
              </a:rPr>
              <a:t>18cm</a:t>
            </a:r>
            <a:endParaRPr lang="zh-TW" altLang="en-US" dirty="0">
              <a:solidFill>
                <a:srgbClr val="FF00FF"/>
              </a:solidFill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FF87266C-FFB2-DB38-1026-25ADDC974E35}"/>
              </a:ext>
            </a:extLst>
          </p:cNvPr>
          <p:cNvSpPr txBox="1"/>
          <p:nvPr/>
        </p:nvSpPr>
        <p:spPr>
          <a:xfrm>
            <a:off x="1003027" y="5680200"/>
            <a:ext cx="797684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①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餘下玻璃周界是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4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5)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8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 = 1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0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7" name="文本框 36">
            <a:extLst>
              <a:ext uri="{FF2B5EF4-FFF2-40B4-BE49-F238E27FC236}">
                <a16:creationId xmlns:a16="http://schemas.microsoft.com/office/drawing/2014/main" id="{43CFEE68-FA0B-61D8-E4E6-A8654BAC39F5}"/>
              </a:ext>
            </a:extLst>
          </p:cNvPr>
          <p:cNvSpPr txBox="1"/>
          <p:nvPr/>
        </p:nvSpPr>
        <p:spPr>
          <a:xfrm>
            <a:off x="3135885" y="2905780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7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0</a:t>
            </a:r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FE8306D0-7090-D3FE-CDFC-3319CBB7E742}"/>
              </a:ext>
            </a:extLst>
          </p:cNvPr>
          <p:cNvSpPr txBox="1"/>
          <p:nvPr/>
        </p:nvSpPr>
        <p:spPr>
          <a:xfrm>
            <a:off x="3135885" y="3545311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34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39" name="矩形 38">
            <a:extLst>
              <a:ext uri="{FF2B5EF4-FFF2-40B4-BE49-F238E27FC236}">
                <a16:creationId xmlns:a16="http://schemas.microsoft.com/office/drawing/2014/main" id="{CD691F2E-E78C-11B5-3552-CFEA0EE90DE4}"/>
              </a:ext>
            </a:extLst>
          </p:cNvPr>
          <p:cNvSpPr>
            <a:spLocks noChangeAspect="1"/>
          </p:cNvSpPr>
          <p:nvPr/>
        </p:nvSpPr>
        <p:spPr>
          <a:xfrm>
            <a:off x="3928726" y="4181497"/>
            <a:ext cx="1935360" cy="11520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0" name="矩形 39">
            <a:extLst>
              <a:ext uri="{FF2B5EF4-FFF2-40B4-BE49-F238E27FC236}">
                <a16:creationId xmlns:a16="http://schemas.microsoft.com/office/drawing/2014/main" id="{93047672-B9B0-C07A-415D-D14403915009}"/>
              </a:ext>
            </a:extLst>
          </p:cNvPr>
          <p:cNvSpPr>
            <a:spLocks noChangeAspect="1"/>
          </p:cNvSpPr>
          <p:nvPr/>
        </p:nvSpPr>
        <p:spPr>
          <a:xfrm>
            <a:off x="3928726" y="4181497"/>
            <a:ext cx="900000" cy="9000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1" name="任意多边形: 形状 40">
            <a:extLst>
              <a:ext uri="{FF2B5EF4-FFF2-40B4-BE49-F238E27FC236}">
                <a16:creationId xmlns:a16="http://schemas.microsoft.com/office/drawing/2014/main" id="{5A66B822-FAAA-BAB3-F471-B5840CAA6F29}"/>
              </a:ext>
            </a:extLst>
          </p:cNvPr>
          <p:cNvSpPr/>
          <p:nvPr/>
        </p:nvSpPr>
        <p:spPr>
          <a:xfrm>
            <a:off x="3940758" y="4185719"/>
            <a:ext cx="1934986" cy="1157287"/>
          </a:xfrm>
          <a:custGeom>
            <a:avLst/>
            <a:gdLst>
              <a:gd name="connsiteX0" fmla="*/ 519113 w 1952625"/>
              <a:gd name="connsiteY0" fmla="*/ 0 h 1166812"/>
              <a:gd name="connsiteX1" fmla="*/ 519113 w 1952625"/>
              <a:gd name="connsiteY1" fmla="*/ 919162 h 1166812"/>
              <a:gd name="connsiteX2" fmla="*/ 1428750 w 1952625"/>
              <a:gd name="connsiteY2" fmla="*/ 919162 h 1166812"/>
              <a:gd name="connsiteX3" fmla="*/ 1428750 w 1952625"/>
              <a:gd name="connsiteY3" fmla="*/ 9525 h 1166812"/>
              <a:gd name="connsiteX4" fmla="*/ 1952625 w 1952625"/>
              <a:gd name="connsiteY4" fmla="*/ 9525 h 1166812"/>
              <a:gd name="connsiteX5" fmla="*/ 1952625 w 1952625"/>
              <a:gd name="connsiteY5" fmla="*/ 1166812 h 1166812"/>
              <a:gd name="connsiteX6" fmla="*/ 0 w 1952625"/>
              <a:gd name="connsiteY6" fmla="*/ 1166812 h 1166812"/>
              <a:gd name="connsiteX7" fmla="*/ 0 w 1952625"/>
              <a:gd name="connsiteY7" fmla="*/ 19050 h 1166812"/>
              <a:gd name="connsiteX8" fmla="*/ 519113 w 1952625"/>
              <a:gd name="connsiteY8" fmla="*/ 0 h 1166812"/>
              <a:gd name="connsiteX0" fmla="*/ 523875 w 1952625"/>
              <a:gd name="connsiteY0" fmla="*/ 19050 h 1157287"/>
              <a:gd name="connsiteX1" fmla="*/ 519113 w 1952625"/>
              <a:gd name="connsiteY1" fmla="*/ 909637 h 1157287"/>
              <a:gd name="connsiteX2" fmla="*/ 1428750 w 1952625"/>
              <a:gd name="connsiteY2" fmla="*/ 909637 h 1157287"/>
              <a:gd name="connsiteX3" fmla="*/ 1428750 w 1952625"/>
              <a:gd name="connsiteY3" fmla="*/ 0 h 1157287"/>
              <a:gd name="connsiteX4" fmla="*/ 1952625 w 1952625"/>
              <a:gd name="connsiteY4" fmla="*/ 0 h 1157287"/>
              <a:gd name="connsiteX5" fmla="*/ 1952625 w 1952625"/>
              <a:gd name="connsiteY5" fmla="*/ 1157287 h 1157287"/>
              <a:gd name="connsiteX6" fmla="*/ 0 w 1952625"/>
              <a:gd name="connsiteY6" fmla="*/ 1157287 h 1157287"/>
              <a:gd name="connsiteX7" fmla="*/ 0 w 1952625"/>
              <a:gd name="connsiteY7" fmla="*/ 9525 h 1157287"/>
              <a:gd name="connsiteX8" fmla="*/ 523875 w 1952625"/>
              <a:gd name="connsiteY8" fmla="*/ 19050 h 1157287"/>
              <a:gd name="connsiteX0" fmla="*/ 519112 w 1952625"/>
              <a:gd name="connsiteY0" fmla="*/ 14287 h 1157287"/>
              <a:gd name="connsiteX1" fmla="*/ 519113 w 1952625"/>
              <a:gd name="connsiteY1" fmla="*/ 909637 h 1157287"/>
              <a:gd name="connsiteX2" fmla="*/ 1428750 w 1952625"/>
              <a:gd name="connsiteY2" fmla="*/ 909637 h 1157287"/>
              <a:gd name="connsiteX3" fmla="*/ 1428750 w 1952625"/>
              <a:gd name="connsiteY3" fmla="*/ 0 h 1157287"/>
              <a:gd name="connsiteX4" fmla="*/ 1952625 w 1952625"/>
              <a:gd name="connsiteY4" fmla="*/ 0 h 1157287"/>
              <a:gd name="connsiteX5" fmla="*/ 1952625 w 1952625"/>
              <a:gd name="connsiteY5" fmla="*/ 1157287 h 1157287"/>
              <a:gd name="connsiteX6" fmla="*/ 0 w 1952625"/>
              <a:gd name="connsiteY6" fmla="*/ 1157287 h 1157287"/>
              <a:gd name="connsiteX7" fmla="*/ 0 w 1952625"/>
              <a:gd name="connsiteY7" fmla="*/ 9525 h 1157287"/>
              <a:gd name="connsiteX8" fmla="*/ 519112 w 1952625"/>
              <a:gd name="connsiteY8" fmla="*/ 14287 h 1157287"/>
              <a:gd name="connsiteX0" fmla="*/ 519112 w 1952625"/>
              <a:gd name="connsiteY0" fmla="*/ 9524 h 1157287"/>
              <a:gd name="connsiteX1" fmla="*/ 519113 w 1952625"/>
              <a:gd name="connsiteY1" fmla="*/ 909637 h 1157287"/>
              <a:gd name="connsiteX2" fmla="*/ 1428750 w 1952625"/>
              <a:gd name="connsiteY2" fmla="*/ 909637 h 1157287"/>
              <a:gd name="connsiteX3" fmla="*/ 1428750 w 1952625"/>
              <a:gd name="connsiteY3" fmla="*/ 0 h 1157287"/>
              <a:gd name="connsiteX4" fmla="*/ 1952625 w 1952625"/>
              <a:gd name="connsiteY4" fmla="*/ 0 h 1157287"/>
              <a:gd name="connsiteX5" fmla="*/ 1952625 w 1952625"/>
              <a:gd name="connsiteY5" fmla="*/ 1157287 h 1157287"/>
              <a:gd name="connsiteX6" fmla="*/ 0 w 1952625"/>
              <a:gd name="connsiteY6" fmla="*/ 1157287 h 1157287"/>
              <a:gd name="connsiteX7" fmla="*/ 0 w 1952625"/>
              <a:gd name="connsiteY7" fmla="*/ 9525 h 1157287"/>
              <a:gd name="connsiteX8" fmla="*/ 519112 w 1952625"/>
              <a:gd name="connsiteY8" fmla="*/ 9524 h 1157287"/>
              <a:gd name="connsiteX0" fmla="*/ 519112 w 1952625"/>
              <a:gd name="connsiteY0" fmla="*/ 9524 h 1157287"/>
              <a:gd name="connsiteX1" fmla="*/ 519113 w 1952625"/>
              <a:gd name="connsiteY1" fmla="*/ 909637 h 1157287"/>
              <a:gd name="connsiteX2" fmla="*/ 1428750 w 1952625"/>
              <a:gd name="connsiteY2" fmla="*/ 909637 h 1157287"/>
              <a:gd name="connsiteX3" fmla="*/ 914400 w 1952625"/>
              <a:gd name="connsiteY3" fmla="*/ 6350 h 1157287"/>
              <a:gd name="connsiteX4" fmla="*/ 1952625 w 1952625"/>
              <a:gd name="connsiteY4" fmla="*/ 0 h 1157287"/>
              <a:gd name="connsiteX5" fmla="*/ 1952625 w 1952625"/>
              <a:gd name="connsiteY5" fmla="*/ 1157287 h 1157287"/>
              <a:gd name="connsiteX6" fmla="*/ 0 w 1952625"/>
              <a:gd name="connsiteY6" fmla="*/ 1157287 h 1157287"/>
              <a:gd name="connsiteX7" fmla="*/ 0 w 1952625"/>
              <a:gd name="connsiteY7" fmla="*/ 9525 h 1157287"/>
              <a:gd name="connsiteX8" fmla="*/ 519112 w 1952625"/>
              <a:gd name="connsiteY8" fmla="*/ 9524 h 1157287"/>
              <a:gd name="connsiteX0" fmla="*/ 519112 w 1952625"/>
              <a:gd name="connsiteY0" fmla="*/ 9524 h 1157287"/>
              <a:gd name="connsiteX1" fmla="*/ 519113 w 1952625"/>
              <a:gd name="connsiteY1" fmla="*/ 909637 h 1157287"/>
              <a:gd name="connsiteX2" fmla="*/ 927100 w 1952625"/>
              <a:gd name="connsiteY2" fmla="*/ 903287 h 1157287"/>
              <a:gd name="connsiteX3" fmla="*/ 914400 w 1952625"/>
              <a:gd name="connsiteY3" fmla="*/ 6350 h 1157287"/>
              <a:gd name="connsiteX4" fmla="*/ 1952625 w 1952625"/>
              <a:gd name="connsiteY4" fmla="*/ 0 h 1157287"/>
              <a:gd name="connsiteX5" fmla="*/ 1952625 w 1952625"/>
              <a:gd name="connsiteY5" fmla="*/ 1157287 h 1157287"/>
              <a:gd name="connsiteX6" fmla="*/ 0 w 1952625"/>
              <a:gd name="connsiteY6" fmla="*/ 1157287 h 1157287"/>
              <a:gd name="connsiteX7" fmla="*/ 0 w 1952625"/>
              <a:gd name="connsiteY7" fmla="*/ 9525 h 1157287"/>
              <a:gd name="connsiteX8" fmla="*/ 519112 w 1952625"/>
              <a:gd name="connsiteY8" fmla="*/ 9524 h 1157287"/>
              <a:gd name="connsiteX0" fmla="*/ 519112 w 1952625"/>
              <a:gd name="connsiteY0" fmla="*/ 9524 h 1157287"/>
              <a:gd name="connsiteX1" fmla="*/ 519113 w 1952625"/>
              <a:gd name="connsiteY1" fmla="*/ 909637 h 1157287"/>
              <a:gd name="connsiteX2" fmla="*/ 927100 w 1952625"/>
              <a:gd name="connsiteY2" fmla="*/ 903287 h 1157287"/>
              <a:gd name="connsiteX3" fmla="*/ 914400 w 1952625"/>
              <a:gd name="connsiteY3" fmla="*/ 6350 h 1157287"/>
              <a:gd name="connsiteX4" fmla="*/ 1952625 w 1952625"/>
              <a:gd name="connsiteY4" fmla="*/ 0 h 1157287"/>
              <a:gd name="connsiteX5" fmla="*/ 1952625 w 1952625"/>
              <a:gd name="connsiteY5" fmla="*/ 1157287 h 1157287"/>
              <a:gd name="connsiteX6" fmla="*/ 0 w 1952625"/>
              <a:gd name="connsiteY6" fmla="*/ 1157287 h 1157287"/>
              <a:gd name="connsiteX7" fmla="*/ 0 w 1952625"/>
              <a:gd name="connsiteY7" fmla="*/ 9525 h 1157287"/>
              <a:gd name="connsiteX8" fmla="*/ 519112 w 1952625"/>
              <a:gd name="connsiteY8" fmla="*/ 9524 h 1157287"/>
              <a:gd name="connsiteX0" fmla="*/ 0 w 1952625"/>
              <a:gd name="connsiteY0" fmla="*/ 9525 h 1157287"/>
              <a:gd name="connsiteX1" fmla="*/ 519113 w 1952625"/>
              <a:gd name="connsiteY1" fmla="*/ 909637 h 1157287"/>
              <a:gd name="connsiteX2" fmla="*/ 927100 w 1952625"/>
              <a:gd name="connsiteY2" fmla="*/ 903287 h 1157287"/>
              <a:gd name="connsiteX3" fmla="*/ 914400 w 1952625"/>
              <a:gd name="connsiteY3" fmla="*/ 6350 h 1157287"/>
              <a:gd name="connsiteX4" fmla="*/ 1952625 w 1952625"/>
              <a:gd name="connsiteY4" fmla="*/ 0 h 1157287"/>
              <a:gd name="connsiteX5" fmla="*/ 1952625 w 1952625"/>
              <a:gd name="connsiteY5" fmla="*/ 1157287 h 1157287"/>
              <a:gd name="connsiteX6" fmla="*/ 0 w 1952625"/>
              <a:gd name="connsiteY6" fmla="*/ 1157287 h 1157287"/>
              <a:gd name="connsiteX7" fmla="*/ 0 w 1952625"/>
              <a:gd name="connsiteY7" fmla="*/ 9525 h 1157287"/>
              <a:gd name="connsiteX0" fmla="*/ 6350 w 1952625"/>
              <a:gd name="connsiteY0" fmla="*/ 898525 h 1157287"/>
              <a:gd name="connsiteX1" fmla="*/ 519113 w 1952625"/>
              <a:gd name="connsiteY1" fmla="*/ 909637 h 1157287"/>
              <a:gd name="connsiteX2" fmla="*/ 927100 w 1952625"/>
              <a:gd name="connsiteY2" fmla="*/ 903287 h 1157287"/>
              <a:gd name="connsiteX3" fmla="*/ 914400 w 1952625"/>
              <a:gd name="connsiteY3" fmla="*/ 6350 h 1157287"/>
              <a:gd name="connsiteX4" fmla="*/ 1952625 w 1952625"/>
              <a:gd name="connsiteY4" fmla="*/ 0 h 1157287"/>
              <a:gd name="connsiteX5" fmla="*/ 1952625 w 1952625"/>
              <a:gd name="connsiteY5" fmla="*/ 1157287 h 1157287"/>
              <a:gd name="connsiteX6" fmla="*/ 0 w 1952625"/>
              <a:gd name="connsiteY6" fmla="*/ 1157287 h 1157287"/>
              <a:gd name="connsiteX7" fmla="*/ 6350 w 1952625"/>
              <a:gd name="connsiteY7" fmla="*/ 898525 h 1157287"/>
              <a:gd name="connsiteX0" fmla="*/ 6350 w 1952625"/>
              <a:gd name="connsiteY0" fmla="*/ 898525 h 1157287"/>
              <a:gd name="connsiteX1" fmla="*/ 927100 w 1952625"/>
              <a:gd name="connsiteY1" fmla="*/ 903287 h 1157287"/>
              <a:gd name="connsiteX2" fmla="*/ 914400 w 1952625"/>
              <a:gd name="connsiteY2" fmla="*/ 6350 h 1157287"/>
              <a:gd name="connsiteX3" fmla="*/ 1952625 w 1952625"/>
              <a:gd name="connsiteY3" fmla="*/ 0 h 1157287"/>
              <a:gd name="connsiteX4" fmla="*/ 1952625 w 1952625"/>
              <a:gd name="connsiteY4" fmla="*/ 1157287 h 1157287"/>
              <a:gd name="connsiteX5" fmla="*/ 0 w 1952625"/>
              <a:gd name="connsiteY5" fmla="*/ 1157287 h 1157287"/>
              <a:gd name="connsiteX6" fmla="*/ 6350 w 1952625"/>
              <a:gd name="connsiteY6" fmla="*/ 898525 h 1157287"/>
              <a:gd name="connsiteX0" fmla="*/ 25400 w 1952625"/>
              <a:gd name="connsiteY0" fmla="*/ 891381 h 1157287"/>
              <a:gd name="connsiteX1" fmla="*/ 927100 w 1952625"/>
              <a:gd name="connsiteY1" fmla="*/ 903287 h 1157287"/>
              <a:gd name="connsiteX2" fmla="*/ 914400 w 1952625"/>
              <a:gd name="connsiteY2" fmla="*/ 6350 h 1157287"/>
              <a:gd name="connsiteX3" fmla="*/ 1952625 w 1952625"/>
              <a:gd name="connsiteY3" fmla="*/ 0 h 1157287"/>
              <a:gd name="connsiteX4" fmla="*/ 1952625 w 1952625"/>
              <a:gd name="connsiteY4" fmla="*/ 1157287 h 1157287"/>
              <a:gd name="connsiteX5" fmla="*/ 0 w 1952625"/>
              <a:gd name="connsiteY5" fmla="*/ 1157287 h 1157287"/>
              <a:gd name="connsiteX6" fmla="*/ 25400 w 1952625"/>
              <a:gd name="connsiteY6" fmla="*/ 891381 h 1157287"/>
              <a:gd name="connsiteX0" fmla="*/ 1587 w 1928812"/>
              <a:gd name="connsiteY0" fmla="*/ 891381 h 1157287"/>
              <a:gd name="connsiteX1" fmla="*/ 903287 w 1928812"/>
              <a:gd name="connsiteY1" fmla="*/ 903287 h 1157287"/>
              <a:gd name="connsiteX2" fmla="*/ 890587 w 1928812"/>
              <a:gd name="connsiteY2" fmla="*/ 6350 h 1157287"/>
              <a:gd name="connsiteX3" fmla="*/ 1928812 w 1928812"/>
              <a:gd name="connsiteY3" fmla="*/ 0 h 1157287"/>
              <a:gd name="connsiteX4" fmla="*/ 1928812 w 1928812"/>
              <a:gd name="connsiteY4" fmla="*/ 1157287 h 1157287"/>
              <a:gd name="connsiteX5" fmla="*/ 0 w 1928812"/>
              <a:gd name="connsiteY5" fmla="*/ 1157287 h 1157287"/>
              <a:gd name="connsiteX6" fmla="*/ 1587 w 1928812"/>
              <a:gd name="connsiteY6" fmla="*/ 891381 h 1157287"/>
              <a:gd name="connsiteX0" fmla="*/ 0 w 1934369"/>
              <a:gd name="connsiteY0" fmla="*/ 891381 h 1157287"/>
              <a:gd name="connsiteX1" fmla="*/ 908844 w 1934369"/>
              <a:gd name="connsiteY1" fmla="*/ 903287 h 1157287"/>
              <a:gd name="connsiteX2" fmla="*/ 896144 w 1934369"/>
              <a:gd name="connsiteY2" fmla="*/ 6350 h 1157287"/>
              <a:gd name="connsiteX3" fmla="*/ 1934369 w 1934369"/>
              <a:gd name="connsiteY3" fmla="*/ 0 h 1157287"/>
              <a:gd name="connsiteX4" fmla="*/ 1934369 w 1934369"/>
              <a:gd name="connsiteY4" fmla="*/ 1157287 h 1157287"/>
              <a:gd name="connsiteX5" fmla="*/ 5557 w 1934369"/>
              <a:gd name="connsiteY5" fmla="*/ 1157287 h 1157287"/>
              <a:gd name="connsiteX6" fmla="*/ 0 w 1934369"/>
              <a:gd name="connsiteY6" fmla="*/ 891381 h 1157287"/>
              <a:gd name="connsiteX0" fmla="*/ 3968 w 1938337"/>
              <a:gd name="connsiteY0" fmla="*/ 891381 h 1157287"/>
              <a:gd name="connsiteX1" fmla="*/ 912812 w 1938337"/>
              <a:gd name="connsiteY1" fmla="*/ 903287 h 1157287"/>
              <a:gd name="connsiteX2" fmla="*/ 900112 w 1938337"/>
              <a:gd name="connsiteY2" fmla="*/ 6350 h 1157287"/>
              <a:gd name="connsiteX3" fmla="*/ 1938337 w 1938337"/>
              <a:gd name="connsiteY3" fmla="*/ 0 h 1157287"/>
              <a:gd name="connsiteX4" fmla="*/ 1938337 w 1938337"/>
              <a:gd name="connsiteY4" fmla="*/ 1157287 h 1157287"/>
              <a:gd name="connsiteX5" fmla="*/ 0 w 1938337"/>
              <a:gd name="connsiteY5" fmla="*/ 1157287 h 1157287"/>
              <a:gd name="connsiteX6" fmla="*/ 3968 w 1938337"/>
              <a:gd name="connsiteY6" fmla="*/ 891381 h 1157287"/>
              <a:gd name="connsiteX0" fmla="*/ 309 w 1934678"/>
              <a:gd name="connsiteY0" fmla="*/ 891381 h 1157287"/>
              <a:gd name="connsiteX1" fmla="*/ 909153 w 1934678"/>
              <a:gd name="connsiteY1" fmla="*/ 903287 h 1157287"/>
              <a:gd name="connsiteX2" fmla="*/ 896453 w 1934678"/>
              <a:gd name="connsiteY2" fmla="*/ 6350 h 1157287"/>
              <a:gd name="connsiteX3" fmla="*/ 1934678 w 1934678"/>
              <a:gd name="connsiteY3" fmla="*/ 0 h 1157287"/>
              <a:gd name="connsiteX4" fmla="*/ 1934678 w 1934678"/>
              <a:gd name="connsiteY4" fmla="*/ 1157287 h 1157287"/>
              <a:gd name="connsiteX5" fmla="*/ 1104 w 1934678"/>
              <a:gd name="connsiteY5" fmla="*/ 1157287 h 1157287"/>
              <a:gd name="connsiteX6" fmla="*/ 309 w 1934678"/>
              <a:gd name="connsiteY6" fmla="*/ 891381 h 1157287"/>
              <a:gd name="connsiteX0" fmla="*/ 617 w 1934986"/>
              <a:gd name="connsiteY0" fmla="*/ 891381 h 1157287"/>
              <a:gd name="connsiteX1" fmla="*/ 909461 w 1934986"/>
              <a:gd name="connsiteY1" fmla="*/ 903287 h 1157287"/>
              <a:gd name="connsiteX2" fmla="*/ 896761 w 1934986"/>
              <a:gd name="connsiteY2" fmla="*/ 6350 h 1157287"/>
              <a:gd name="connsiteX3" fmla="*/ 1934986 w 1934986"/>
              <a:gd name="connsiteY3" fmla="*/ 0 h 1157287"/>
              <a:gd name="connsiteX4" fmla="*/ 1934986 w 1934986"/>
              <a:gd name="connsiteY4" fmla="*/ 1157287 h 1157287"/>
              <a:gd name="connsiteX5" fmla="*/ 1412 w 1934986"/>
              <a:gd name="connsiteY5" fmla="*/ 1157287 h 1157287"/>
              <a:gd name="connsiteX6" fmla="*/ 617 w 1934986"/>
              <a:gd name="connsiteY6" fmla="*/ 891381 h 1157287"/>
              <a:gd name="connsiteX0" fmla="*/ 617 w 1934986"/>
              <a:gd name="connsiteY0" fmla="*/ 891381 h 1157287"/>
              <a:gd name="connsiteX1" fmla="*/ 902317 w 1934986"/>
              <a:gd name="connsiteY1" fmla="*/ 903287 h 1157287"/>
              <a:gd name="connsiteX2" fmla="*/ 896761 w 1934986"/>
              <a:gd name="connsiteY2" fmla="*/ 6350 h 1157287"/>
              <a:gd name="connsiteX3" fmla="*/ 1934986 w 1934986"/>
              <a:gd name="connsiteY3" fmla="*/ 0 h 1157287"/>
              <a:gd name="connsiteX4" fmla="*/ 1934986 w 1934986"/>
              <a:gd name="connsiteY4" fmla="*/ 1157287 h 1157287"/>
              <a:gd name="connsiteX5" fmla="*/ 1412 w 1934986"/>
              <a:gd name="connsiteY5" fmla="*/ 1157287 h 1157287"/>
              <a:gd name="connsiteX6" fmla="*/ 617 w 1934986"/>
              <a:gd name="connsiteY6" fmla="*/ 891381 h 1157287"/>
              <a:gd name="connsiteX0" fmla="*/ 617 w 1934986"/>
              <a:gd name="connsiteY0" fmla="*/ 910431 h 1157287"/>
              <a:gd name="connsiteX1" fmla="*/ 902317 w 1934986"/>
              <a:gd name="connsiteY1" fmla="*/ 903287 h 1157287"/>
              <a:gd name="connsiteX2" fmla="*/ 896761 w 1934986"/>
              <a:gd name="connsiteY2" fmla="*/ 6350 h 1157287"/>
              <a:gd name="connsiteX3" fmla="*/ 1934986 w 1934986"/>
              <a:gd name="connsiteY3" fmla="*/ 0 h 1157287"/>
              <a:gd name="connsiteX4" fmla="*/ 1934986 w 1934986"/>
              <a:gd name="connsiteY4" fmla="*/ 1157287 h 1157287"/>
              <a:gd name="connsiteX5" fmla="*/ 1412 w 1934986"/>
              <a:gd name="connsiteY5" fmla="*/ 1157287 h 1157287"/>
              <a:gd name="connsiteX6" fmla="*/ 617 w 1934986"/>
              <a:gd name="connsiteY6" fmla="*/ 910431 h 1157287"/>
              <a:gd name="connsiteX0" fmla="*/ 617 w 1934986"/>
              <a:gd name="connsiteY0" fmla="*/ 903287 h 1157287"/>
              <a:gd name="connsiteX1" fmla="*/ 902317 w 1934986"/>
              <a:gd name="connsiteY1" fmla="*/ 903287 h 1157287"/>
              <a:gd name="connsiteX2" fmla="*/ 896761 w 1934986"/>
              <a:gd name="connsiteY2" fmla="*/ 6350 h 1157287"/>
              <a:gd name="connsiteX3" fmla="*/ 1934986 w 1934986"/>
              <a:gd name="connsiteY3" fmla="*/ 0 h 1157287"/>
              <a:gd name="connsiteX4" fmla="*/ 1934986 w 1934986"/>
              <a:gd name="connsiteY4" fmla="*/ 1157287 h 1157287"/>
              <a:gd name="connsiteX5" fmla="*/ 1412 w 1934986"/>
              <a:gd name="connsiteY5" fmla="*/ 1157287 h 1157287"/>
              <a:gd name="connsiteX6" fmla="*/ 617 w 1934986"/>
              <a:gd name="connsiteY6" fmla="*/ 903287 h 11572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34986" h="1157287">
                <a:moveTo>
                  <a:pt x="617" y="903287"/>
                </a:moveTo>
                <a:lnTo>
                  <a:pt x="902317" y="903287"/>
                </a:lnTo>
                <a:lnTo>
                  <a:pt x="896761" y="6350"/>
                </a:lnTo>
                <a:lnTo>
                  <a:pt x="1934986" y="0"/>
                </a:lnTo>
                <a:lnTo>
                  <a:pt x="1934986" y="1157287"/>
                </a:lnTo>
                <a:lnTo>
                  <a:pt x="1412" y="1157287"/>
                </a:lnTo>
                <a:cubicBezTo>
                  <a:pt x="353" y="1154377"/>
                  <a:pt x="-706" y="991922"/>
                  <a:pt x="617" y="903287"/>
                </a:cubicBezTo>
                <a:close/>
              </a:path>
            </a:pathLst>
          </a:cu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0DFF1752-80F6-F074-070A-E7F43BCD152B}"/>
              </a:ext>
            </a:extLst>
          </p:cNvPr>
          <p:cNvSpPr txBox="1"/>
          <p:nvPr/>
        </p:nvSpPr>
        <p:spPr>
          <a:xfrm>
            <a:off x="5903613" y="4626210"/>
            <a:ext cx="9572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FF00FF"/>
                </a:solidFill>
              </a:rPr>
              <a:t>25cm</a:t>
            </a:r>
            <a:endParaRPr lang="zh-TW" altLang="en-US" dirty="0">
              <a:solidFill>
                <a:srgbClr val="FF00FF"/>
              </a:solidFill>
            </a:endParaRPr>
          </a:p>
        </p:txBody>
      </p:sp>
      <p:sp>
        <p:nvSpPr>
          <p:cNvPr id="45" name="文本框 44">
            <a:extLst>
              <a:ext uri="{FF2B5EF4-FFF2-40B4-BE49-F238E27FC236}">
                <a16:creationId xmlns:a16="http://schemas.microsoft.com/office/drawing/2014/main" id="{03D93904-EA6B-8F93-8DC8-46AC28F611BC}"/>
              </a:ext>
            </a:extLst>
          </p:cNvPr>
          <p:cNvSpPr txBox="1"/>
          <p:nvPr/>
        </p:nvSpPr>
        <p:spPr>
          <a:xfrm>
            <a:off x="4810210" y="4531775"/>
            <a:ext cx="9572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FF00FF"/>
                </a:solidFill>
              </a:rPr>
              <a:t>18cm</a:t>
            </a:r>
            <a:endParaRPr lang="zh-TW" altLang="en-US" dirty="0">
              <a:solidFill>
                <a:srgbClr val="FF00FF"/>
              </a:solidFill>
            </a:endParaRPr>
          </a:p>
        </p:txBody>
      </p:sp>
      <p:sp>
        <p:nvSpPr>
          <p:cNvPr id="46" name="文本框 45">
            <a:extLst>
              <a:ext uri="{FF2B5EF4-FFF2-40B4-BE49-F238E27FC236}">
                <a16:creationId xmlns:a16="http://schemas.microsoft.com/office/drawing/2014/main" id="{81ED4FE6-BC1F-6E66-8F46-4C615062BC85}"/>
              </a:ext>
            </a:extLst>
          </p:cNvPr>
          <p:cNvSpPr txBox="1"/>
          <p:nvPr/>
        </p:nvSpPr>
        <p:spPr>
          <a:xfrm>
            <a:off x="3986593" y="4735795"/>
            <a:ext cx="9572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FF00FF"/>
                </a:solidFill>
              </a:rPr>
              <a:t>18cm</a:t>
            </a:r>
            <a:endParaRPr lang="zh-TW" altLang="en-US" dirty="0">
              <a:solidFill>
                <a:srgbClr val="FF00FF"/>
              </a:solidFill>
            </a:endParaRPr>
          </a:p>
        </p:txBody>
      </p:sp>
      <p:sp>
        <p:nvSpPr>
          <p:cNvPr id="48" name="文本框 47">
            <a:extLst>
              <a:ext uri="{FF2B5EF4-FFF2-40B4-BE49-F238E27FC236}">
                <a16:creationId xmlns:a16="http://schemas.microsoft.com/office/drawing/2014/main" id="{94D24659-0F37-1042-DA6A-6F1DFC61AC4E}"/>
              </a:ext>
            </a:extLst>
          </p:cNvPr>
          <p:cNvSpPr txBox="1"/>
          <p:nvPr/>
        </p:nvSpPr>
        <p:spPr>
          <a:xfrm>
            <a:off x="4659019" y="5298406"/>
            <a:ext cx="9572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FF00FF"/>
                </a:solidFill>
              </a:rPr>
              <a:t>42cm</a:t>
            </a:r>
            <a:endParaRPr lang="zh-TW" altLang="en-US" dirty="0">
              <a:solidFill>
                <a:srgbClr val="FF00FF"/>
              </a:solidFill>
            </a:endParaRPr>
          </a:p>
        </p:txBody>
      </p:sp>
      <p:sp>
        <p:nvSpPr>
          <p:cNvPr id="49" name="文本框 48">
            <a:extLst>
              <a:ext uri="{FF2B5EF4-FFF2-40B4-BE49-F238E27FC236}">
                <a16:creationId xmlns:a16="http://schemas.microsoft.com/office/drawing/2014/main" id="{EDD6AB59-B41F-100B-EED0-60E2F93D223A}"/>
              </a:ext>
            </a:extLst>
          </p:cNvPr>
          <p:cNvSpPr txBox="1"/>
          <p:nvPr/>
        </p:nvSpPr>
        <p:spPr>
          <a:xfrm>
            <a:off x="1011680" y="5679854"/>
            <a:ext cx="770219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②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餘下玻璃周界是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4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5)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2 = 1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4(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54" name="直接连接符 53">
            <a:extLst>
              <a:ext uri="{FF2B5EF4-FFF2-40B4-BE49-F238E27FC236}">
                <a16:creationId xmlns:a16="http://schemas.microsoft.com/office/drawing/2014/main" id="{26509F7F-8042-C8E5-C42E-65C3DE27A5F6}"/>
              </a:ext>
            </a:extLst>
          </p:cNvPr>
          <p:cNvCxnSpPr>
            <a:cxnSpLocks/>
          </p:cNvCxnSpPr>
          <p:nvPr/>
        </p:nvCxnSpPr>
        <p:spPr>
          <a:xfrm>
            <a:off x="3926345" y="5079116"/>
            <a:ext cx="931405" cy="0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直接连接符 54">
            <a:extLst>
              <a:ext uri="{FF2B5EF4-FFF2-40B4-BE49-F238E27FC236}">
                <a16:creationId xmlns:a16="http://schemas.microsoft.com/office/drawing/2014/main" id="{20284929-A952-4624-2ED2-24AA921577DD}"/>
              </a:ext>
            </a:extLst>
          </p:cNvPr>
          <p:cNvCxnSpPr>
            <a:cxnSpLocks/>
          </p:cNvCxnSpPr>
          <p:nvPr/>
        </p:nvCxnSpPr>
        <p:spPr>
          <a:xfrm>
            <a:off x="3951808" y="5081497"/>
            <a:ext cx="863164" cy="0"/>
          </a:xfrm>
          <a:prstGeom prst="line">
            <a:avLst/>
          </a:prstGeom>
          <a:ln w="28575">
            <a:solidFill>
              <a:schemeClr val="bg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6" name="直接连接符 55">
            <a:extLst>
              <a:ext uri="{FF2B5EF4-FFF2-40B4-BE49-F238E27FC236}">
                <a16:creationId xmlns:a16="http://schemas.microsoft.com/office/drawing/2014/main" id="{2DF1A74B-C481-D9EA-2070-350D4AF9A818}"/>
              </a:ext>
            </a:extLst>
          </p:cNvPr>
          <p:cNvCxnSpPr>
            <a:cxnSpLocks/>
          </p:cNvCxnSpPr>
          <p:nvPr/>
        </p:nvCxnSpPr>
        <p:spPr>
          <a:xfrm flipV="1">
            <a:off x="4828130" y="4181497"/>
            <a:ext cx="0" cy="897619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7" name="直接连接符 56">
            <a:extLst>
              <a:ext uri="{FF2B5EF4-FFF2-40B4-BE49-F238E27FC236}">
                <a16:creationId xmlns:a16="http://schemas.microsoft.com/office/drawing/2014/main" id="{58DD63E6-9D99-D41D-E5EF-7C98D54CAB00}"/>
              </a:ext>
            </a:extLst>
          </p:cNvPr>
          <p:cNvCxnSpPr>
            <a:cxnSpLocks/>
          </p:cNvCxnSpPr>
          <p:nvPr/>
        </p:nvCxnSpPr>
        <p:spPr>
          <a:xfrm rot="16200000">
            <a:off x="4400539" y="4650354"/>
            <a:ext cx="863164" cy="0"/>
          </a:xfrm>
          <a:prstGeom prst="line">
            <a:avLst/>
          </a:prstGeom>
          <a:ln w="28575">
            <a:solidFill>
              <a:schemeClr val="bg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8" name="文本框 57">
            <a:extLst>
              <a:ext uri="{FF2B5EF4-FFF2-40B4-BE49-F238E27FC236}">
                <a16:creationId xmlns:a16="http://schemas.microsoft.com/office/drawing/2014/main" id="{4788101D-307B-92D8-E60B-3242A4C2BC7D}"/>
              </a:ext>
            </a:extLst>
          </p:cNvPr>
          <p:cNvSpPr txBox="1"/>
          <p:nvPr/>
        </p:nvSpPr>
        <p:spPr>
          <a:xfrm>
            <a:off x="1003027" y="5670345"/>
            <a:ext cx="770219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③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餘下玻璃周界是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4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5)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8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 = 206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83" name="矩形 82">
            <a:extLst>
              <a:ext uri="{FF2B5EF4-FFF2-40B4-BE49-F238E27FC236}">
                <a16:creationId xmlns:a16="http://schemas.microsoft.com/office/drawing/2014/main" id="{9D810268-0BC1-5E52-9398-538EBD5F64A2}"/>
              </a:ext>
            </a:extLst>
          </p:cNvPr>
          <p:cNvSpPr>
            <a:spLocks noChangeAspect="1"/>
          </p:cNvSpPr>
          <p:nvPr/>
        </p:nvSpPr>
        <p:spPr>
          <a:xfrm>
            <a:off x="6365742" y="4145595"/>
            <a:ext cx="1935360" cy="11520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4" name="矩形 83">
            <a:extLst>
              <a:ext uri="{FF2B5EF4-FFF2-40B4-BE49-F238E27FC236}">
                <a16:creationId xmlns:a16="http://schemas.microsoft.com/office/drawing/2014/main" id="{F67D2043-EF78-086F-34E4-42A19D555C8B}"/>
              </a:ext>
            </a:extLst>
          </p:cNvPr>
          <p:cNvSpPr>
            <a:spLocks noChangeAspect="1"/>
          </p:cNvSpPr>
          <p:nvPr/>
        </p:nvSpPr>
        <p:spPr>
          <a:xfrm>
            <a:off x="6883422" y="4265687"/>
            <a:ext cx="900000" cy="9000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6" name="文本框 85">
            <a:extLst>
              <a:ext uri="{FF2B5EF4-FFF2-40B4-BE49-F238E27FC236}">
                <a16:creationId xmlns:a16="http://schemas.microsoft.com/office/drawing/2014/main" id="{A53E602F-2A62-BF5D-C122-5C778D3B11F7}"/>
              </a:ext>
            </a:extLst>
          </p:cNvPr>
          <p:cNvSpPr txBox="1"/>
          <p:nvPr/>
        </p:nvSpPr>
        <p:spPr>
          <a:xfrm>
            <a:off x="8261675" y="4512427"/>
            <a:ext cx="9572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FF00FF"/>
                </a:solidFill>
              </a:rPr>
              <a:t>25cm</a:t>
            </a:r>
            <a:endParaRPr lang="zh-TW" altLang="en-US" dirty="0">
              <a:solidFill>
                <a:srgbClr val="FF00FF"/>
              </a:solidFill>
            </a:endParaRPr>
          </a:p>
        </p:txBody>
      </p:sp>
      <p:sp>
        <p:nvSpPr>
          <p:cNvPr id="87" name="文本框 86">
            <a:extLst>
              <a:ext uri="{FF2B5EF4-FFF2-40B4-BE49-F238E27FC236}">
                <a16:creationId xmlns:a16="http://schemas.microsoft.com/office/drawing/2014/main" id="{4C322CD3-A6C3-52D3-C1F4-0B615A4F49FD}"/>
              </a:ext>
            </a:extLst>
          </p:cNvPr>
          <p:cNvSpPr txBox="1"/>
          <p:nvPr/>
        </p:nvSpPr>
        <p:spPr>
          <a:xfrm>
            <a:off x="6275676" y="4504144"/>
            <a:ext cx="9572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FF00FF"/>
                </a:solidFill>
              </a:rPr>
              <a:t>18cm</a:t>
            </a:r>
            <a:endParaRPr lang="zh-TW" altLang="en-US" dirty="0">
              <a:solidFill>
                <a:srgbClr val="FF00FF"/>
              </a:solidFill>
            </a:endParaRPr>
          </a:p>
        </p:txBody>
      </p:sp>
      <p:sp>
        <p:nvSpPr>
          <p:cNvPr id="89" name="文本框 88">
            <a:extLst>
              <a:ext uri="{FF2B5EF4-FFF2-40B4-BE49-F238E27FC236}">
                <a16:creationId xmlns:a16="http://schemas.microsoft.com/office/drawing/2014/main" id="{5A9E59F3-91BE-80CC-2101-E13075EEF61F}"/>
              </a:ext>
            </a:extLst>
          </p:cNvPr>
          <p:cNvSpPr txBox="1"/>
          <p:nvPr/>
        </p:nvSpPr>
        <p:spPr>
          <a:xfrm>
            <a:off x="6972210" y="5262504"/>
            <a:ext cx="9572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FF00FF"/>
                </a:solidFill>
              </a:rPr>
              <a:t>42cm</a:t>
            </a:r>
            <a:endParaRPr lang="zh-TW" altLang="en-US" dirty="0">
              <a:solidFill>
                <a:srgbClr val="FF00FF"/>
              </a:solidFill>
            </a:endParaRPr>
          </a:p>
        </p:txBody>
      </p:sp>
      <p:sp>
        <p:nvSpPr>
          <p:cNvPr id="95" name="矩形 94">
            <a:extLst>
              <a:ext uri="{FF2B5EF4-FFF2-40B4-BE49-F238E27FC236}">
                <a16:creationId xmlns:a16="http://schemas.microsoft.com/office/drawing/2014/main" id="{4FBFA886-34B6-B386-7471-75902E29A0B0}"/>
              </a:ext>
            </a:extLst>
          </p:cNvPr>
          <p:cNvSpPr>
            <a:spLocks noChangeAspect="1"/>
          </p:cNvSpPr>
          <p:nvPr/>
        </p:nvSpPr>
        <p:spPr>
          <a:xfrm>
            <a:off x="6883422" y="4267638"/>
            <a:ext cx="900000" cy="900000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13" name="文本框 112">
            <a:extLst>
              <a:ext uri="{FF2B5EF4-FFF2-40B4-BE49-F238E27FC236}">
                <a16:creationId xmlns:a16="http://schemas.microsoft.com/office/drawing/2014/main" id="{DF15382D-0236-91B3-FEFF-ED35C77CBCF2}"/>
              </a:ext>
            </a:extLst>
          </p:cNvPr>
          <p:cNvSpPr txBox="1"/>
          <p:nvPr/>
        </p:nvSpPr>
        <p:spPr>
          <a:xfrm>
            <a:off x="2052517" y="4120417"/>
            <a:ext cx="39654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可接收答案：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06)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7DA9E4AF-4940-4895-35E4-1BC170C74B9A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2431" y="1180264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9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56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44444E-6 3.7037E-6 L 0.15086 -0.15093 " pathEditMode="relative" rAng="0" ptsTypes="AA">
                                      <p:cBhvr>
                                        <p:cTn id="33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7535" y="-75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000"/>
                            </p:stCondLst>
                            <p:childTnLst>
                              <p:par>
                                <p:cTn id="35" presetID="1" presetClass="exit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-0.00115 L 0.00035 -0.1324 " pathEditMode="relative" rAng="0" ptsTypes="AA">
                                      <p:cBhvr>
                                        <p:cTn id="49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7" y="-657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9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2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9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5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9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8" fill="hold">
                      <p:stCondLst>
                        <p:cond delay="indefinite"/>
                      </p:stCondLst>
                      <p:childTnLst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56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.55556E-7 -1.48148E-6 L 0.15087 -0.15092 " pathEditMode="relative" rAng="0" ptsTypes="AA">
                                      <p:cBhvr>
                                        <p:cTn id="108" dur="20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7535" y="-75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9" fill="hold">
                            <p:stCondLst>
                              <p:cond delay="2000"/>
                            </p:stCondLst>
                            <p:childTnLst>
                              <p:par>
                                <p:cTn id="110" presetID="1" presetClass="exit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1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5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6" fill="hold">
                            <p:stCondLst>
                              <p:cond delay="2500"/>
                            </p:stCondLst>
                            <p:childTnLst>
                              <p:par>
                                <p:cTn id="11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9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0" fill="hold">
                      <p:stCondLst>
                        <p:cond delay="indefinite"/>
                      </p:stCondLst>
                      <p:childTnLst>
                        <p:par>
                          <p:cTn id="121" fill="hold">
                            <p:stCondLst>
                              <p:cond delay="0"/>
                            </p:stCondLst>
                            <p:childTnLst>
                              <p:par>
                                <p:cTn id="122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4" fill="hold">
                            <p:stCondLst>
                              <p:cond delay="0"/>
                            </p:stCondLst>
                            <p:childTnLst>
                              <p:par>
                                <p:cTn id="125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-0.00116 L -0.00139 -0.13009 " pathEditMode="relative" rAng="0" ptsTypes="AA">
                                      <p:cBhvr>
                                        <p:cTn id="128" dur="2000" fill="hold"/>
                                        <p:tgtEl>
                                          <p:spTgt spid="5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9" y="-645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9" fill="hold">
                      <p:stCondLst>
                        <p:cond delay="indefinite"/>
                      </p:stCondLst>
                      <p:childTnLst>
                        <p:par>
                          <p:cTn id="130" fill="hold">
                            <p:stCondLst>
                              <p:cond delay="0"/>
                            </p:stCondLst>
                            <p:childTnLst>
                              <p:par>
                                <p:cTn id="13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3" fill="hold">
                            <p:stCondLst>
                              <p:cond delay="0"/>
                            </p:stCondLst>
                            <p:childTnLst>
                              <p:par>
                                <p:cTn id="134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6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9722 -0.00069 L 0.00104 0.00532 " pathEditMode="relative" rAng="0" ptsTypes="AA">
                                      <p:cBhvr>
                                        <p:cTn id="137" dur="2000" spd="-100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913" y="30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8" fill="hold">
                      <p:stCondLst>
                        <p:cond delay="indefinite"/>
                      </p:stCondLst>
                      <p:childTnLst>
                        <p:par>
                          <p:cTn id="139" fill="hold">
                            <p:stCondLst>
                              <p:cond delay="0"/>
                            </p:stCondLst>
                            <p:childTnLst>
                              <p:par>
                                <p:cTn id="1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2" dur="500"/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3" fill="hold">
                      <p:stCondLst>
                        <p:cond delay="indefinite"/>
                      </p:stCondLst>
                      <p:childTnLst>
                        <p:par>
                          <p:cTn id="144" fill="hold">
                            <p:stCondLst>
                              <p:cond delay="0"/>
                            </p:stCondLst>
                            <p:childTnLst>
                              <p:par>
                                <p:cTn id="14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9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5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8" dur="500"/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3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8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3" fill="hold">
                            <p:stCondLst>
                              <p:cond delay="500"/>
                            </p:stCondLst>
                            <p:childTnLst>
                              <p:par>
                                <p:cTn id="17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7" fill="hold">
                      <p:stCondLst>
                        <p:cond delay="indefinite"/>
                      </p:stCondLst>
                      <p:childTnLst>
                        <p:par>
                          <p:cTn id="178" fill="hold">
                            <p:stCondLst>
                              <p:cond delay="0"/>
                            </p:stCondLst>
                            <p:childTnLst>
                              <p:par>
                                <p:cTn id="179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81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2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84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5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87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8" fill="hold">
                      <p:stCondLst>
                        <p:cond delay="indefinite"/>
                      </p:stCondLst>
                      <p:childTnLst>
                        <p:par>
                          <p:cTn id="189" fill="hold">
                            <p:stCondLst>
                              <p:cond delay="0"/>
                            </p:stCondLst>
                            <p:childTnLst>
                              <p:par>
                                <p:cTn id="19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92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3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95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6" fill="hold">
                            <p:stCondLst>
                              <p:cond delay="500"/>
                            </p:stCondLst>
                            <p:childTnLst>
                              <p:par>
                                <p:cTn id="197" presetID="56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7778E-7 -1.48148E-6 L 0.15087 -0.15092 " pathEditMode="relative" rAng="0" ptsTypes="AA">
                                      <p:cBhvr>
                                        <p:cTn id="198" dur="2000" fill="hold"/>
                                        <p:tgtEl>
                                          <p:spTgt spid="9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7535" y="-75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9" fill="hold">
                            <p:stCondLst>
                              <p:cond delay="2500"/>
                            </p:stCondLst>
                            <p:childTnLst>
                              <p:par>
                                <p:cTn id="200" presetID="1" presetClass="exit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2" fill="hold">
                            <p:stCondLst>
                              <p:cond delay="2500"/>
                            </p:stCondLst>
                            <p:childTnLst>
                              <p:par>
                                <p:cTn id="20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05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6" fill="hold">
                      <p:stCondLst>
                        <p:cond delay="indefinite"/>
                      </p:stCondLst>
                      <p:childTnLst>
                        <p:par>
                          <p:cTn id="207" fill="hold">
                            <p:stCondLst>
                              <p:cond delay="0"/>
                            </p:stCondLst>
                            <p:childTnLst>
                              <p:par>
                                <p:cTn id="20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0" dur="500"/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1" fill="hold">
                      <p:stCondLst>
                        <p:cond delay="indefinite"/>
                      </p:stCondLst>
                      <p:childTnLst>
                        <p:par>
                          <p:cTn id="212" fill="hold">
                            <p:stCondLst>
                              <p:cond delay="0"/>
                            </p:stCondLst>
                            <p:childTnLst>
                              <p:par>
                                <p:cTn id="213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4" dur="500"/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6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1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4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7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3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5" fill="hold">
                            <p:stCondLst>
                              <p:cond delay="500"/>
                            </p:stCondLst>
                            <p:childTnLst>
                              <p:par>
                                <p:cTn id="23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8" dur="500"/>
                                        <p:tgtEl>
                                          <p:spTgt spid="1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4" grpId="1" animBg="1"/>
      <p:bldP spid="4" grpId="2" animBg="1"/>
      <p:bldP spid="3" grpId="0" animBg="1"/>
      <p:bldP spid="3" grpId="1" animBg="1"/>
      <p:bldP spid="5" grpId="0" animBg="1"/>
      <p:bldP spid="5" grpId="1" animBg="1"/>
      <p:bldP spid="6" grpId="0" animBg="1"/>
      <p:bldP spid="6" grpId="1" animBg="1"/>
      <p:bldP spid="6" grpId="2" animBg="1"/>
      <p:bldP spid="6" grpId="3" animBg="1"/>
      <p:bldP spid="7" grpId="0" animBg="1"/>
      <p:bldP spid="7" grpId="1" animBg="1"/>
      <p:bldP spid="17" grpId="0"/>
      <p:bldP spid="17" grpId="1"/>
      <p:bldP spid="19" grpId="0"/>
      <p:bldP spid="19" grpId="1"/>
      <p:bldP spid="20" grpId="0"/>
      <p:bldP spid="20" grpId="1"/>
      <p:bldP spid="27" grpId="0" uiExpand="1" build="allAtOnce"/>
      <p:bldP spid="37" grpId="0"/>
      <p:bldP spid="38" grpId="0"/>
      <p:bldP spid="39" grpId="0" animBg="1"/>
      <p:bldP spid="39" grpId="1" animBg="1"/>
      <p:bldP spid="40" grpId="0" animBg="1"/>
      <p:bldP spid="40" grpId="1" animBg="1"/>
      <p:bldP spid="40" grpId="2" animBg="1"/>
      <p:bldP spid="41" grpId="0" animBg="1"/>
      <p:bldP spid="41" grpId="1" animBg="1"/>
      <p:bldP spid="44" grpId="0"/>
      <p:bldP spid="44" grpId="1"/>
      <p:bldP spid="45" grpId="0"/>
      <p:bldP spid="45" grpId="1"/>
      <p:bldP spid="46" grpId="0"/>
      <p:bldP spid="46" grpId="1"/>
      <p:bldP spid="48" grpId="0"/>
      <p:bldP spid="48" grpId="1"/>
      <p:bldP spid="49" grpId="0" uiExpand="1" build="allAtOnce"/>
      <p:bldP spid="58" grpId="0" uiExpand="1" build="allAtOnce"/>
      <p:bldP spid="83" grpId="0" animBg="1"/>
      <p:bldP spid="83" grpId="1" animBg="1"/>
      <p:bldP spid="84" grpId="0" animBg="1"/>
      <p:bldP spid="84" grpId="2" animBg="1"/>
      <p:bldP spid="86" grpId="0"/>
      <p:bldP spid="86" grpId="1"/>
      <p:bldP spid="87" grpId="0"/>
      <p:bldP spid="87" grpId="1"/>
      <p:bldP spid="89" grpId="0"/>
      <p:bldP spid="89" grpId="1"/>
      <p:bldP spid="95" grpId="0" animBg="1"/>
      <p:bldP spid="95" grpId="1" animBg="1"/>
      <p:bldP spid="95" grpId="2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4g"/>
  <p:tag name="ISPRING_LMS_API_VERSION" val="SCORM 2004 (4th edition)"/>
  <p:tag name="ISPRING_ULTRA_SCORM_COURCE_TITLE" val="長河小學數學科速效提分試卷"/>
  <p:tag name="ISPRING_ULTRA_SCORM_COURSE_ID" val="C28E2583-152F-49B1-9E64-CC71CF159232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4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604AF5D-E80D-4145-B4AF-3D160C272915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F211007-F6F2-46BC-9739-5A3D8C3E9273}:28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0955463-6B65-4C4E-960D-3DF924BE02EE}:285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E05EE1B-BFA0-427F-B710-C5C137D6AFBE}:286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C8F4146-2CEF-4B24-81EC-607A0DC6AE31}:284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78</Words>
  <Application>Microsoft Office PowerPoint</Application>
  <PresentationFormat>On-screen Show (4:3)</PresentationFormat>
  <Paragraphs>124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4" baseType="lpstr">
      <vt:lpstr>等线</vt:lpstr>
      <vt:lpstr>DFLiHeiHK-W5</vt:lpstr>
      <vt:lpstr>楷体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10:25:11Z</dcterms:modified>
</cp:coreProperties>
</file>